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E:\11. 038_2021_Kompl škála embolektom a trombektom a oklúzne katétre\5. JOSEPHINE\Výzva_oprava 12 mes\"/>
    </mc:Choice>
  </mc:AlternateContent>
  <bookViews>
    <workbookView xWindow="0" yWindow="0" windowWidth="18105" windowHeight="11475" tabRatio="727" activeTab="1"/>
  </bookViews>
  <sheets>
    <sheet name="Príloha č. 1" sheetId="19" r:id="rId1"/>
    <sheet name="Príloha č. 2" sheetId="18" r:id="rId2"/>
    <sheet name="Príloha č. 3" sheetId="20" r:id="rId3"/>
  </sheets>
  <externalReferences>
    <externalReference r:id="rId4"/>
  </externalReferences>
  <definedNames>
    <definedName name="_xlnm.Print_Area" localSheetId="0">'Príloha č. 1'!$A$1:$G$149</definedName>
    <definedName name="_xlnm.Print_Area" localSheetId="1">'Príloha č. 2'!$A$1:$K$61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9" l="1"/>
</calcChain>
</file>

<file path=xl/sharedStrings.xml><?xml version="1.0" encoding="utf-8"?>
<sst xmlns="http://schemas.openxmlformats.org/spreadsheetml/2006/main" count="381" uniqueCount="17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5.</t>
  </si>
  <si>
    <t>6.</t>
  </si>
  <si>
    <t>7.</t>
  </si>
  <si>
    <t>8.</t>
  </si>
  <si>
    <t>9.</t>
  </si>
  <si>
    <t>bez DPH</t>
  </si>
  <si>
    <t>s DPH</t>
  </si>
  <si>
    <t>Týmto potvrdzujem, že všetky uvedené informácie sú pravdivé.</t>
  </si>
  <si>
    <t>Katalógové číslo</t>
  </si>
  <si>
    <t>10.</t>
  </si>
  <si>
    <t>11.</t>
  </si>
  <si>
    <t>SORTIMENT PONÚKANÉHO TOVARU</t>
  </si>
  <si>
    <t>Obchodný názov ponúkaného produktu</t>
  </si>
  <si>
    <t>Výrobca ponúkaného produktu</t>
  </si>
  <si>
    <t>ŠUKL</t>
  </si>
  <si>
    <t>Kategorizačný
kód</t>
  </si>
  <si>
    <t>Merná 
jednotka
(MJ)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2.1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sadzba DPH v %</t>
  </si>
  <si>
    <t>2.2</t>
  </si>
  <si>
    <t>2.3</t>
  </si>
  <si>
    <t>2.4</t>
  </si>
  <si>
    <t>3.1</t>
  </si>
  <si>
    <t>3.2</t>
  </si>
  <si>
    <t>Kompletná škála embolektomických, trombektomických a oklúznych katétrov</t>
  </si>
  <si>
    <t>Položka č. 1 - Arteriálny embolektomický cievny katéter</t>
  </si>
  <si>
    <t>Položka č. 2 - Arteriálny embolektomický cievny katéter s prídavným lumenom</t>
  </si>
  <si>
    <t>Položka č. 3 - Venózny trombektobal</t>
  </si>
  <si>
    <t>Položka č. 4 - Trombektobal pre cievne protézy</t>
  </si>
  <si>
    <t>Položka č. 5 - Cievny katéter pre transluminálne použitie v periférnej vaskulátúre</t>
  </si>
  <si>
    <t>Položka č. 6 - Oklúzny katéter</t>
  </si>
  <si>
    <t>povinné údaje vyplní uchádzač</t>
  </si>
  <si>
    <t>latexový povrch balóna,</t>
  </si>
  <si>
    <t>požaduje sa dostatočná flexibilita bez možnosti zalamovania a pevnosť katétra,</t>
  </si>
  <si>
    <t>1.1</t>
  </si>
  <si>
    <t>1.2</t>
  </si>
  <si>
    <t>1.3</t>
  </si>
  <si>
    <t>súčasťou je intraluminálny mandrén pre zavádzanie cez starší tromembolický uzáver,</t>
  </si>
  <si>
    <t>1.4</t>
  </si>
  <si>
    <t>pevné trubicové balenie,</t>
  </si>
  <si>
    <t>1.5</t>
  </si>
  <si>
    <t>požadované rozmery arteriálneho embolektomického katétra:</t>
  </si>
  <si>
    <t>1.5.1</t>
  </si>
  <si>
    <t>typ 1:</t>
  </si>
  <si>
    <t>- veľkosť: 2F</t>
  </si>
  <si>
    <t>- dĺžka: 60 cm</t>
  </si>
  <si>
    <t>1.5.2</t>
  </si>
  <si>
    <t>typ 2:</t>
  </si>
  <si>
    <t>- veľkosť: 3F</t>
  </si>
  <si>
    <t>- dĺžka: 40 cm</t>
  </si>
  <si>
    <t>1.5.3</t>
  </si>
  <si>
    <t>typ 3:</t>
  </si>
  <si>
    <t>- dĺžka: 80 cm</t>
  </si>
  <si>
    <t>1.5.4</t>
  </si>
  <si>
    <t>typ 4:</t>
  </si>
  <si>
    <t>- veľkosť: 4F</t>
  </si>
  <si>
    <t>1.5.5</t>
  </si>
  <si>
    <t>typ 5:</t>
  </si>
  <si>
    <t>1.5.6</t>
  </si>
  <si>
    <t>typ 6:</t>
  </si>
  <si>
    <t>- veľkosť: 5F</t>
  </si>
  <si>
    <t>1.5.7</t>
  </si>
  <si>
    <t>typ 7:</t>
  </si>
  <si>
    <t>- veľkosť: 6F</t>
  </si>
  <si>
    <t>1.5.8</t>
  </si>
  <si>
    <t>typ 8:</t>
  </si>
  <si>
    <t>- veľkosť: 7F</t>
  </si>
  <si>
    <t>1.6</t>
  </si>
  <si>
    <t>slúži na angiografické kontroly, preplach ciev a protéz, na aplikáciu trombolytika,</t>
  </si>
  <si>
    <t>poloha kontrolovaná RTG,</t>
  </si>
  <si>
    <t>požadované rozmery arteriálneho embolektomického cievneho katétra s prídavným lumenom:</t>
  </si>
  <si>
    <t>2.3.1</t>
  </si>
  <si>
    <t>2.3.2</t>
  </si>
  <si>
    <t>2.3.3</t>
  </si>
  <si>
    <t>veľkosť: 3F</t>
  </si>
  <si>
    <t>- dĺžka: 120 cm</t>
  </si>
  <si>
    <t>2.3.4</t>
  </si>
  <si>
    <t>2.3.5</t>
  </si>
  <si>
    <t>2.3.6</t>
  </si>
  <si>
    <t>- veľkosť: 5,5F</t>
  </si>
  <si>
    <t>2.3.7</t>
  </si>
  <si>
    <t>2.3.8</t>
  </si>
  <si>
    <t>2.3.9</t>
  </si>
  <si>
    <t>typ 9:</t>
  </si>
  <si>
    <t>2.3.10</t>
  </si>
  <si>
    <t>typ 10:</t>
  </si>
  <si>
    <t>obsahuje mäkkú špičku umožňujúcu prienik cez chlopňový systém,</t>
  </si>
  <si>
    <t>požadované rozmery venózneho trombektovalu:</t>
  </si>
  <si>
    <t>- diameter balóna: 12 mm</t>
  </si>
  <si>
    <t>3.2.2</t>
  </si>
  <si>
    <t>- veľkosť: 8F</t>
  </si>
  <si>
    <t>- diameter balóna: 13 mm</t>
  </si>
  <si>
    <t>3.2.3</t>
  </si>
  <si>
    <t>- veľkosť: 10F</t>
  </si>
  <si>
    <t>- diameter balóna: 19 mm</t>
  </si>
  <si>
    <t>4.1</t>
  </si>
  <si>
    <t>pružná kovová špička bez rizika zalomenia,</t>
  </si>
  <si>
    <t>4.2</t>
  </si>
  <si>
    <t>bez rizika poškodenia protézy,</t>
  </si>
  <si>
    <t>4.3</t>
  </si>
  <si>
    <t>požadované rozmery trombektobalu pre cievne protézy:</t>
  </si>
  <si>
    <t>4.3.1</t>
  </si>
  <si>
    <t>- dĺžka: 50 cm</t>
  </si>
  <si>
    <t>4.3.2</t>
  </si>
  <si>
    <t>5.1</t>
  </si>
  <si>
    <t>kovová špirála s latexovým krytím,</t>
  </si>
  <si>
    <t>5.2</t>
  </si>
  <si>
    <t>požadované rozmery cievného katétra pre transluminálne použitie v periférnej vaskulatúre:</t>
  </si>
  <si>
    <t>5.2.1</t>
  </si>
  <si>
    <t>- diameter špirály: 6 mm</t>
  </si>
  <si>
    <t>5.2.2</t>
  </si>
  <si>
    <t>- diameter špirály: 8 mm</t>
  </si>
  <si>
    <t>5.2.3</t>
  </si>
  <si>
    <t>- diameter špirály: 10 mm</t>
  </si>
  <si>
    <t>6.1</t>
  </si>
  <si>
    <t>slúži na uzáver ciev rozličného kalibru vrátane aorty,</t>
  </si>
  <si>
    <t>6.2</t>
  </si>
  <si>
    <t>požadované rozmery oklúzneho cievneho katétra:</t>
  </si>
  <si>
    <t>6.2.1</t>
  </si>
  <si>
    <t>- diameter balóna: 5 mm</t>
  </si>
  <si>
    <t>6.2.2</t>
  </si>
  <si>
    <t>- diameter balóna: 9 mm</t>
  </si>
  <si>
    <t>6.2.3</t>
  </si>
  <si>
    <t>- diameter balóna: 11 mm</t>
  </si>
  <si>
    <t>6.2.4</t>
  </si>
  <si>
    <t>- diameter balóna: 28 mm, 45 mm</t>
  </si>
  <si>
    <t xml:space="preserve"> </t>
  </si>
  <si>
    <t>Položka č. 5 - Cievny katéter pre transluminálne použitie v periférnej vaskulatúre</t>
  </si>
  <si>
    <t>3.2.1</t>
  </si>
  <si>
    <t>požaduje sa, pre všetky uvedené typy arteriálnych embolektomických cievnych katétrov diameter balóna: 
4-14 mm.</t>
  </si>
  <si>
    <t>požaduje sa, pre všetky uvedené typy arteriálnych embolektomických katétrov s prídavným lumenom diameter balóna: 4 - 14 mm.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Predpokladané množstvo na zmluvné obdobie 
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6"/>
      <color theme="1"/>
      <name val="Times New Roman"/>
      <family val="1"/>
      <charset val="238"/>
    </font>
    <font>
      <b/>
      <sz val="11"/>
      <color theme="0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9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10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/>
      <top style="thin">
        <color auto="1"/>
      </top>
      <bottom/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indexed="64"/>
      </right>
      <top/>
      <bottom/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dotted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/>
      <diagonal/>
    </border>
    <border>
      <left style="thin">
        <color indexed="64"/>
      </left>
      <right/>
      <top style="dotted">
        <color auto="1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auto="1"/>
      </right>
      <top style="thin">
        <color indexed="64"/>
      </top>
      <bottom style="dotted">
        <color auto="1"/>
      </bottom>
      <diagonal/>
    </border>
    <border>
      <left/>
      <right style="dotted">
        <color indexed="64"/>
      </right>
      <top/>
      <bottom style="dotted">
        <color auto="1"/>
      </bottom>
      <diagonal/>
    </border>
    <border>
      <left style="medium">
        <color indexed="64"/>
      </left>
      <right style="thin">
        <color auto="1"/>
      </right>
      <top style="dotted">
        <color auto="1"/>
      </top>
      <bottom/>
      <diagonal/>
    </border>
    <border>
      <left style="medium">
        <color indexed="64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indexed="64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dotted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4">
    <xf numFmtId="0" fontId="0" fillId="0" borderId="0"/>
    <xf numFmtId="0" fontId="7" fillId="0" borderId="0"/>
    <xf numFmtId="0" fontId="7" fillId="0" borderId="0"/>
    <xf numFmtId="0" fontId="16" fillId="0" borderId="0"/>
  </cellStyleXfs>
  <cellXfs count="248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6" fillId="0" borderId="0" xfId="0" applyFont="1" applyProtection="1">
      <protection locked="0"/>
    </xf>
    <xf numFmtId="0" fontId="1" fillId="2" borderId="3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0" fontId="6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0" fillId="0" borderId="0" xfId="0" applyFont="1" applyFill="1" applyAlignment="1" applyProtection="1">
      <alignment vertical="center" wrapText="1"/>
      <protection locked="0"/>
    </xf>
    <xf numFmtId="0" fontId="10" fillId="0" borderId="0" xfId="0" applyFont="1" applyAlignment="1" applyProtection="1">
      <alignment vertical="center" wrapText="1"/>
      <protection locked="0"/>
    </xf>
    <xf numFmtId="0" fontId="11" fillId="0" borderId="0" xfId="0" applyFont="1" applyFill="1" applyAlignment="1">
      <alignment wrapText="1"/>
    </xf>
    <xf numFmtId="0" fontId="11" fillId="0" borderId="0" xfId="0" applyFont="1" applyAlignment="1">
      <alignment wrapText="1"/>
    </xf>
    <xf numFmtId="0" fontId="12" fillId="0" borderId="0" xfId="2" applyFont="1" applyFill="1" applyAlignment="1">
      <alignment vertical="center"/>
    </xf>
    <xf numFmtId="0" fontId="12" fillId="0" borderId="0" xfId="2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49" fontId="11" fillId="0" borderId="19" xfId="0" applyNumberFormat="1" applyFont="1" applyBorder="1" applyAlignment="1" applyProtection="1">
      <alignment horizontal="center" vertical="center" wrapText="1"/>
      <protection locked="0"/>
    </xf>
    <xf numFmtId="49" fontId="11" fillId="0" borderId="1" xfId="0" applyNumberFormat="1" applyFont="1" applyBorder="1" applyAlignment="1" applyProtection="1">
      <alignment horizontal="left" vertical="center" wrapText="1"/>
      <protection locked="0"/>
    </xf>
    <xf numFmtId="49" fontId="11" fillId="0" borderId="12" xfId="0" applyNumberFormat="1" applyFont="1" applyBorder="1" applyAlignment="1" applyProtection="1">
      <alignment horizontal="left" vertic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1" fillId="0" borderId="20" xfId="0" applyNumberFormat="1" applyFont="1" applyBorder="1" applyAlignment="1" applyProtection="1">
      <alignment horizontal="center" vertical="center" wrapText="1"/>
      <protection locked="0"/>
    </xf>
    <xf numFmtId="49" fontId="11" fillId="0" borderId="13" xfId="0" applyNumberFormat="1" applyFont="1" applyBorder="1" applyAlignment="1" applyProtection="1">
      <alignment horizontal="left" vertical="center" wrapText="1"/>
      <protection locked="0"/>
    </xf>
    <xf numFmtId="49" fontId="11" fillId="0" borderId="9" xfId="0" applyNumberFormat="1" applyFont="1" applyBorder="1" applyAlignment="1" applyProtection="1">
      <alignment horizontal="left" vertical="center" wrapText="1"/>
      <protection locked="0"/>
    </xf>
    <xf numFmtId="49" fontId="11" fillId="0" borderId="22" xfId="0" applyNumberFormat="1" applyFont="1" applyBorder="1" applyAlignment="1" applyProtection="1">
      <alignment horizontal="center" vertical="center" wrapText="1"/>
      <protection locked="0"/>
    </xf>
    <xf numFmtId="49" fontId="11" fillId="0" borderId="23" xfId="0" applyNumberFormat="1" applyFont="1" applyBorder="1" applyAlignment="1" applyProtection="1">
      <alignment horizontal="left" vertical="center" wrapText="1"/>
      <protection locked="0"/>
    </xf>
    <xf numFmtId="49" fontId="11" fillId="0" borderId="24" xfId="0" applyNumberFormat="1" applyFont="1" applyBorder="1" applyAlignment="1" applyProtection="1">
      <alignment horizontal="left" vertical="center" wrapText="1"/>
      <protection locked="0"/>
    </xf>
    <xf numFmtId="49" fontId="11" fillId="0" borderId="0" xfId="0" applyNumberFormat="1" applyFont="1" applyBorder="1" applyAlignment="1" applyProtection="1">
      <alignment horizontal="center" vertical="center" wrapText="1"/>
      <protection locked="0"/>
    </xf>
    <xf numFmtId="49" fontId="11" fillId="0" borderId="0" xfId="0" applyNumberFormat="1" applyFont="1" applyBorder="1" applyAlignment="1" applyProtection="1">
      <alignment horizontal="left" vertical="center" wrapText="1"/>
      <protection locked="0"/>
    </xf>
    <xf numFmtId="164" fontId="11" fillId="0" borderId="0" xfId="0" applyNumberFormat="1" applyFont="1" applyBorder="1" applyAlignment="1" applyProtection="1">
      <alignment horizontal="right" vertical="center" wrapText="1"/>
      <protection locked="0"/>
    </xf>
    <xf numFmtId="9" fontId="11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1" fillId="0" borderId="0" xfId="0" applyFont="1" applyAlignment="1" applyProtection="1">
      <alignment vertical="top" wrapText="1"/>
      <protection locked="0"/>
    </xf>
    <xf numFmtId="49" fontId="11" fillId="0" borderId="1" xfId="0" applyNumberFormat="1" applyFont="1" applyBorder="1" applyAlignment="1" applyProtection="1">
      <alignment horizontal="center" vertical="center" wrapText="1"/>
      <protection locked="0"/>
    </xf>
    <xf numFmtId="49" fontId="11" fillId="0" borderId="13" xfId="0" applyNumberFormat="1" applyFont="1" applyBorder="1" applyAlignment="1" applyProtection="1">
      <alignment horizontal="center" vertical="center" wrapText="1"/>
      <protection locked="0"/>
    </xf>
    <xf numFmtId="49" fontId="11" fillId="0" borderId="2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30" xfId="0" applyNumberFormat="1" applyFont="1" applyBorder="1" applyAlignment="1">
      <alignment horizontal="center" vertical="center" wrapText="1"/>
    </xf>
    <xf numFmtId="0" fontId="1" fillId="0" borderId="42" xfId="0" applyNumberFormat="1" applyFont="1" applyBorder="1" applyAlignment="1" applyProtection="1">
      <alignment horizontal="center" vertical="center" wrapText="1"/>
      <protection locked="0"/>
    </xf>
    <xf numFmtId="0" fontId="1" fillId="0" borderId="43" xfId="0" applyNumberFormat="1" applyFont="1" applyBorder="1" applyAlignment="1" applyProtection="1">
      <alignment horizontal="center" vertical="center" wrapText="1"/>
      <protection locked="0"/>
    </xf>
    <xf numFmtId="49" fontId="1" fillId="0" borderId="25" xfId="0" applyNumberFormat="1" applyFont="1" applyBorder="1" applyAlignment="1">
      <alignment horizontal="center" vertical="center" wrapText="1"/>
    </xf>
    <xf numFmtId="0" fontId="1" fillId="0" borderId="4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1" fillId="3" borderId="0" xfId="0" applyFont="1" applyFill="1" applyAlignment="1" applyProtection="1">
      <alignment vertical="center" wrapText="1"/>
      <protection locked="0"/>
    </xf>
    <xf numFmtId="0" fontId="11" fillId="0" borderId="11" xfId="0" applyFont="1" applyBorder="1" applyAlignment="1" applyProtection="1">
      <alignment horizontal="center" vertical="center" wrapText="1"/>
      <protection locked="0"/>
    </xf>
    <xf numFmtId="0" fontId="11" fillId="0" borderId="59" xfId="0" applyFont="1" applyBorder="1" applyAlignment="1" applyProtection="1">
      <alignment horizontal="center" vertical="center" wrapText="1"/>
      <protection locked="0"/>
    </xf>
    <xf numFmtId="0" fontId="11" fillId="0" borderId="60" xfId="0" applyFont="1" applyBorder="1" applyAlignment="1" applyProtection="1">
      <alignment horizontal="center" vertical="center" wrapText="1"/>
      <protection locked="0"/>
    </xf>
    <xf numFmtId="0" fontId="14" fillId="2" borderId="14" xfId="0" applyFont="1" applyFill="1" applyBorder="1" applyAlignment="1" applyProtection="1">
      <alignment horizontal="center" vertical="center" wrapText="1"/>
      <protection locked="0"/>
    </xf>
    <xf numFmtId="0" fontId="14" fillId="2" borderId="3" xfId="0" applyFont="1" applyFill="1" applyBorder="1" applyAlignment="1" applyProtection="1">
      <alignment horizontal="center" vertical="center" wrapText="1"/>
      <protection locked="0"/>
    </xf>
    <xf numFmtId="0" fontId="14" fillId="2" borderId="61" xfId="0" applyFont="1" applyFill="1" applyBorder="1" applyAlignment="1" applyProtection="1">
      <alignment horizontal="center" vertical="center" wrapText="1"/>
      <protection locked="0"/>
    </xf>
    <xf numFmtId="0" fontId="14" fillId="2" borderId="62" xfId="0" applyFont="1" applyFill="1" applyBorder="1" applyAlignment="1" applyProtection="1">
      <alignment horizontal="center" vertical="center" wrapText="1"/>
      <protection locked="0"/>
    </xf>
    <xf numFmtId="0" fontId="14" fillId="2" borderId="63" xfId="0" applyFont="1" applyFill="1" applyBorder="1" applyAlignment="1" applyProtection="1">
      <alignment horizontal="center" vertical="center" wrapText="1"/>
      <protection locked="0"/>
    </xf>
    <xf numFmtId="0" fontId="14" fillId="2" borderId="64" xfId="0" applyFont="1" applyFill="1" applyBorder="1" applyAlignment="1" applyProtection="1">
      <alignment horizontal="center" vertical="center" wrapText="1"/>
      <protection locked="0"/>
    </xf>
    <xf numFmtId="0" fontId="14" fillId="2" borderId="65" xfId="0" applyFont="1" applyFill="1" applyBorder="1" applyAlignment="1" applyProtection="1">
      <alignment horizontal="center" vertical="center" wrapText="1"/>
      <protection locked="0"/>
    </xf>
    <xf numFmtId="0" fontId="14" fillId="2" borderId="66" xfId="0" applyFont="1" applyFill="1" applyBorder="1" applyAlignment="1" applyProtection="1">
      <alignment horizontal="center" vertical="center" wrapText="1"/>
      <protection locked="0"/>
    </xf>
    <xf numFmtId="0" fontId="14" fillId="2" borderId="34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49" fontId="11" fillId="0" borderId="39" xfId="0" applyNumberFormat="1" applyFont="1" applyBorder="1" applyAlignment="1" applyProtection="1">
      <alignment horizontal="center" vertical="center" wrapText="1"/>
      <protection locked="0"/>
    </xf>
    <xf numFmtId="49" fontId="11" fillId="0" borderId="12" xfId="0" applyNumberFormat="1" applyFont="1" applyBorder="1" applyAlignment="1" applyProtection="1">
      <alignment horizontal="center" vertical="center" wrapText="1"/>
      <protection locked="0"/>
    </xf>
    <xf numFmtId="165" fontId="11" fillId="0" borderId="67" xfId="0" applyNumberFormat="1" applyFont="1" applyBorder="1" applyAlignment="1" applyProtection="1">
      <alignment horizontal="right" vertical="center" wrapText="1"/>
      <protection locked="0"/>
    </xf>
    <xf numFmtId="9" fontId="11" fillId="0" borderId="68" xfId="0" applyNumberFormat="1" applyFont="1" applyBorder="1" applyAlignment="1" applyProtection="1">
      <alignment horizontal="center" vertical="center" wrapText="1"/>
      <protection locked="0"/>
    </xf>
    <xf numFmtId="165" fontId="11" fillId="0" borderId="69" xfId="0" applyNumberFormat="1" applyFont="1" applyBorder="1" applyAlignment="1" applyProtection="1">
      <alignment horizontal="right" vertical="center" wrapText="1"/>
      <protection locked="0"/>
    </xf>
    <xf numFmtId="49" fontId="11" fillId="0" borderId="48" xfId="0" applyNumberFormat="1" applyFont="1" applyBorder="1" applyAlignment="1" applyProtection="1">
      <alignment horizontal="center" vertical="center" wrapText="1"/>
      <protection locked="0"/>
    </xf>
    <xf numFmtId="49" fontId="11" fillId="0" borderId="9" xfId="0" applyNumberFormat="1" applyFont="1" applyBorder="1" applyAlignment="1" applyProtection="1">
      <alignment horizontal="center" vertical="center" wrapText="1"/>
      <protection locked="0"/>
    </xf>
    <xf numFmtId="165" fontId="11" fillId="0" borderId="21" xfId="0" applyNumberFormat="1" applyFont="1" applyBorder="1" applyAlignment="1" applyProtection="1">
      <alignment horizontal="right" vertical="center" wrapText="1"/>
      <protection locked="0"/>
    </xf>
    <xf numFmtId="9" fontId="11" fillId="0" borderId="70" xfId="0" applyNumberFormat="1" applyFont="1" applyBorder="1" applyAlignment="1" applyProtection="1">
      <alignment horizontal="center" vertical="center" wrapText="1"/>
      <protection locked="0"/>
    </xf>
    <xf numFmtId="165" fontId="11" fillId="0" borderId="48" xfId="0" applyNumberFormat="1" applyFont="1" applyBorder="1" applyAlignment="1" applyProtection="1">
      <alignment horizontal="right" vertical="center" wrapText="1"/>
      <protection locked="0"/>
    </xf>
    <xf numFmtId="49" fontId="11" fillId="0" borderId="45" xfId="0" applyNumberFormat="1" applyFont="1" applyBorder="1" applyAlignment="1" applyProtection="1">
      <alignment horizontal="center" vertical="center" wrapText="1"/>
      <protection locked="0"/>
    </xf>
    <xf numFmtId="49" fontId="11" fillId="0" borderId="24" xfId="0" applyNumberFormat="1" applyFont="1" applyBorder="1" applyAlignment="1" applyProtection="1">
      <alignment horizontal="center" vertical="center" wrapText="1"/>
      <protection locked="0"/>
    </xf>
    <xf numFmtId="165" fontId="11" fillId="0" borderId="25" xfId="0" applyNumberFormat="1" applyFont="1" applyBorder="1" applyAlignment="1" applyProtection="1">
      <alignment horizontal="right" vertical="center" wrapText="1"/>
      <protection locked="0"/>
    </xf>
    <xf numFmtId="9" fontId="11" fillId="0" borderId="71" xfId="0" applyNumberFormat="1" applyFont="1" applyBorder="1" applyAlignment="1" applyProtection="1">
      <alignment horizontal="center" vertical="center" wrapText="1"/>
      <protection locked="0"/>
    </xf>
    <xf numFmtId="165" fontId="11" fillId="0" borderId="45" xfId="0" applyNumberFormat="1" applyFont="1" applyBorder="1" applyAlignment="1" applyProtection="1">
      <alignment horizontal="right" vertical="center" wrapText="1"/>
      <protection locked="0"/>
    </xf>
    <xf numFmtId="0" fontId="6" fillId="0" borderId="0" xfId="0" applyFont="1" applyAlignment="1">
      <alignment horizontal="left"/>
    </xf>
    <xf numFmtId="0" fontId="8" fillId="0" borderId="0" xfId="0" applyNumberFormat="1" applyFont="1" applyAlignment="1">
      <alignment horizontal="left" wrapText="1"/>
    </xf>
    <xf numFmtId="0" fontId="15" fillId="2" borderId="14" xfId="0" applyFont="1" applyFill="1" applyBorder="1" applyAlignment="1" applyProtection="1">
      <alignment horizontal="center" vertical="center" wrapText="1"/>
      <protection locked="0"/>
    </xf>
    <xf numFmtId="0" fontId="15" fillId="2" borderId="3" xfId="0" applyFont="1" applyFill="1" applyBorder="1" applyAlignment="1" applyProtection="1">
      <alignment horizontal="center" vertical="center" wrapText="1"/>
      <protection locked="0"/>
    </xf>
    <xf numFmtId="0" fontId="15" fillId="2" borderId="61" xfId="0" applyFont="1" applyFill="1" applyBorder="1" applyAlignment="1" applyProtection="1">
      <alignment horizontal="center" vertical="center" wrapText="1"/>
      <protection locked="0"/>
    </xf>
    <xf numFmtId="0" fontId="15" fillId="2" borderId="62" xfId="0" applyFont="1" applyFill="1" applyBorder="1" applyAlignment="1" applyProtection="1">
      <alignment horizontal="center" vertical="center" wrapText="1"/>
      <protection locked="0"/>
    </xf>
    <xf numFmtId="0" fontId="15" fillId="2" borderId="63" xfId="0" applyFont="1" applyFill="1" applyBorder="1" applyAlignment="1" applyProtection="1">
      <alignment horizontal="center" vertical="center" wrapText="1"/>
      <protection locked="0"/>
    </xf>
    <xf numFmtId="0" fontId="15" fillId="2" borderId="64" xfId="0" applyFont="1" applyFill="1" applyBorder="1" applyAlignment="1" applyProtection="1">
      <alignment horizontal="center" vertical="center" wrapText="1"/>
      <protection locked="0"/>
    </xf>
    <xf numFmtId="0" fontId="15" fillId="2" borderId="65" xfId="0" applyFont="1" applyFill="1" applyBorder="1" applyAlignment="1" applyProtection="1">
      <alignment horizontal="center" vertical="center" wrapText="1"/>
      <protection locked="0"/>
    </xf>
    <xf numFmtId="0" fontId="15" fillId="2" borderId="66" xfId="0" applyFont="1" applyFill="1" applyBorder="1" applyAlignment="1" applyProtection="1">
      <alignment horizontal="center" vertical="center" wrapText="1"/>
      <protection locked="0"/>
    </xf>
    <xf numFmtId="0" fontId="15" fillId="2" borderId="34" xfId="0" applyFont="1" applyFill="1" applyBorder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" fillId="0" borderId="79" xfId="0" applyNumberFormat="1" applyFont="1" applyBorder="1" applyAlignment="1" applyProtection="1">
      <alignment horizontal="center" vertical="center" wrapText="1"/>
      <protection locked="0"/>
    </xf>
    <xf numFmtId="49" fontId="1" fillId="0" borderId="80" xfId="0" applyNumberFormat="1" applyFont="1" applyBorder="1" applyAlignment="1">
      <alignment horizontal="center" vertical="center" wrapText="1"/>
    </xf>
    <xf numFmtId="49" fontId="1" fillId="0" borderId="81" xfId="0" applyNumberFormat="1" applyFont="1" applyBorder="1" applyAlignment="1">
      <alignment horizontal="center" vertical="center" wrapText="1"/>
    </xf>
    <xf numFmtId="49" fontId="5" fillId="0" borderId="83" xfId="0" applyNumberFormat="1" applyFont="1" applyBorder="1" applyAlignment="1">
      <alignment horizontal="center" vertical="center" wrapText="1"/>
    </xf>
    <xf numFmtId="0" fontId="1" fillId="0" borderId="84" xfId="0" applyNumberFormat="1" applyFont="1" applyBorder="1" applyAlignment="1" applyProtection="1">
      <alignment horizontal="center" vertical="center" wrapText="1"/>
      <protection locked="0"/>
    </xf>
    <xf numFmtId="49" fontId="5" fillId="0" borderId="83" xfId="0" applyNumberFormat="1" applyFont="1" applyBorder="1" applyAlignment="1">
      <alignment horizontal="right" vertical="center" wrapText="1"/>
    </xf>
    <xf numFmtId="49" fontId="5" fillId="0" borderId="85" xfId="0" applyNumberFormat="1" applyFont="1" applyBorder="1" applyAlignment="1">
      <alignment horizontal="center" vertical="center" wrapText="1"/>
    </xf>
    <xf numFmtId="49" fontId="5" fillId="0" borderId="85" xfId="0" applyNumberFormat="1" applyFont="1" applyBorder="1" applyAlignment="1">
      <alignment horizontal="right" vertical="center" wrapText="1"/>
    </xf>
    <xf numFmtId="49" fontId="5" fillId="0" borderId="22" xfId="0" applyNumberFormat="1" applyFont="1" applyBorder="1" applyAlignment="1">
      <alignment horizontal="right" vertical="center" wrapText="1"/>
    </xf>
    <xf numFmtId="49" fontId="5" fillId="0" borderId="87" xfId="0" applyNumberFormat="1" applyFont="1" applyBorder="1" applyAlignment="1">
      <alignment horizontal="right" vertical="center" wrapText="1"/>
    </xf>
    <xf numFmtId="49" fontId="1" fillId="0" borderId="5" xfId="0" applyNumberFormat="1" applyFont="1" applyBorder="1" applyAlignment="1">
      <alignment horizontal="center" vertical="center" wrapText="1"/>
    </xf>
    <xf numFmtId="0" fontId="1" fillId="0" borderId="51" xfId="0" applyNumberFormat="1" applyFont="1" applyBorder="1" applyAlignment="1" applyProtection="1">
      <alignment horizontal="center" vertical="center" wrapText="1"/>
      <protection locked="0"/>
    </xf>
    <xf numFmtId="49" fontId="1" fillId="0" borderId="91" xfId="0" applyNumberFormat="1" applyFont="1" applyBorder="1" applyAlignment="1">
      <alignment horizontal="center" vertical="center" wrapText="1"/>
    </xf>
    <xf numFmtId="49" fontId="5" fillId="0" borderId="92" xfId="0" applyNumberFormat="1" applyFont="1" applyBorder="1" applyAlignment="1">
      <alignment horizontal="right" vertical="center" wrapText="1"/>
    </xf>
    <xf numFmtId="49" fontId="5" fillId="0" borderId="93" xfId="0" applyNumberFormat="1" applyFont="1" applyBorder="1" applyAlignment="1">
      <alignment horizontal="center" vertical="center" wrapText="1"/>
    </xf>
    <xf numFmtId="49" fontId="1" fillId="0" borderId="94" xfId="0" applyNumberFormat="1" applyFont="1" applyBorder="1" applyAlignment="1">
      <alignment horizontal="center" vertical="center" wrapText="1"/>
    </xf>
    <xf numFmtId="49" fontId="5" fillId="0" borderId="83" xfId="0" applyNumberFormat="1" applyFont="1" applyBorder="1" applyAlignment="1">
      <alignment horizontal="left" vertical="center" wrapText="1"/>
    </xf>
    <xf numFmtId="49" fontId="5" fillId="0" borderId="87" xfId="0" applyNumberFormat="1" applyFont="1" applyBorder="1" applyAlignment="1">
      <alignment horizontal="left" vertical="center" wrapText="1"/>
    </xf>
    <xf numFmtId="49" fontId="5" fillId="0" borderId="19" xfId="0" applyNumberFormat="1" applyFont="1" applyBorder="1" applyAlignment="1">
      <alignment horizontal="left" vertical="center" wrapText="1"/>
    </xf>
    <xf numFmtId="49" fontId="5" fillId="0" borderId="92" xfId="0" applyNumberFormat="1" applyFont="1" applyBorder="1" applyAlignment="1">
      <alignment horizontal="left" vertical="center" wrapText="1"/>
    </xf>
    <xf numFmtId="49" fontId="5" fillId="0" borderId="90" xfId="0" applyNumberFormat="1" applyFont="1" applyBorder="1" applyAlignment="1">
      <alignment horizontal="left" vertical="center" wrapText="1"/>
    </xf>
    <xf numFmtId="49" fontId="5" fillId="0" borderId="85" xfId="0" applyNumberFormat="1" applyFont="1" applyBorder="1" applyAlignment="1">
      <alignment horizontal="left" vertical="center" wrapText="1"/>
    </xf>
    <xf numFmtId="49" fontId="13" fillId="4" borderId="95" xfId="0" applyNumberFormat="1" applyFont="1" applyFill="1" applyBorder="1" applyAlignment="1">
      <alignment horizontal="center" vertical="top" wrapText="1"/>
    </xf>
    <xf numFmtId="49" fontId="13" fillId="4" borderId="86" xfId="0" applyNumberFormat="1" applyFont="1" applyFill="1" applyBorder="1" applyAlignment="1">
      <alignment horizontal="center" vertical="top" wrapText="1"/>
    </xf>
    <xf numFmtId="0" fontId="20" fillId="0" borderId="0" xfId="3" applyFont="1" applyAlignment="1">
      <alignment horizontal="left" wrapText="1"/>
    </xf>
    <xf numFmtId="0" fontId="20" fillId="0" borderId="0" xfId="3" applyFont="1" applyAlignment="1">
      <alignment wrapText="1"/>
    </xf>
    <xf numFmtId="0" fontId="21" fillId="0" borderId="0" xfId="3" applyFont="1" applyAlignment="1">
      <alignment wrapText="1"/>
    </xf>
    <xf numFmtId="0" fontId="19" fillId="0" borderId="0" xfId="3" applyFont="1" applyAlignment="1">
      <alignment wrapText="1"/>
    </xf>
    <xf numFmtId="0" fontId="23" fillId="0" borderId="0" xfId="3" applyFont="1" applyAlignment="1">
      <alignment vertical="center" wrapText="1"/>
    </xf>
    <xf numFmtId="0" fontId="20" fillId="0" borderId="0" xfId="3" applyFont="1" applyAlignment="1">
      <alignment vertical="top" wrapText="1"/>
    </xf>
    <xf numFmtId="0" fontId="1" fillId="0" borderId="0" xfId="3" applyFont="1" applyAlignment="1">
      <alignment vertical="top" wrapText="1"/>
    </xf>
    <xf numFmtId="0" fontId="23" fillId="0" borderId="0" xfId="3" applyFont="1" applyAlignment="1">
      <alignment vertical="top" wrapText="1"/>
    </xf>
    <xf numFmtId="0" fontId="2" fillId="0" borderId="15" xfId="3" applyFont="1" applyBorder="1" applyAlignment="1">
      <alignment vertical="top" wrapText="1"/>
    </xf>
    <xf numFmtId="0" fontId="2" fillId="0" borderId="17" xfId="3" applyFont="1" applyBorder="1" applyAlignment="1">
      <alignment vertical="top" wrapText="1"/>
    </xf>
    <xf numFmtId="0" fontId="2" fillId="0" borderId="49" xfId="3" applyFont="1" applyBorder="1" applyAlignment="1">
      <alignment horizontal="center" vertical="top" wrapText="1"/>
    </xf>
    <xf numFmtId="0" fontId="2" fillId="0" borderId="32" xfId="3" applyFont="1" applyBorder="1" applyAlignment="1">
      <alignment horizontal="center" vertical="top" wrapText="1"/>
    </xf>
    <xf numFmtId="0" fontId="14" fillId="2" borderId="14" xfId="3" applyFont="1" applyFill="1" applyBorder="1" applyAlignment="1">
      <alignment horizontal="center" vertical="center" wrapText="1"/>
    </xf>
    <xf numFmtId="0" fontId="14" fillId="2" borderId="3" xfId="3" applyFont="1" applyFill="1" applyBorder="1" applyAlignment="1">
      <alignment horizontal="center" vertical="center" wrapText="1"/>
    </xf>
    <xf numFmtId="0" fontId="14" fillId="2" borderId="53" xfId="3" applyFont="1" applyFill="1" applyBorder="1" applyAlignment="1">
      <alignment horizontal="center" vertical="center" wrapText="1"/>
    </xf>
    <xf numFmtId="49" fontId="1" fillId="0" borderId="97" xfId="3" applyNumberFormat="1" applyFont="1" applyBorder="1" applyAlignment="1">
      <alignment horizontal="center" vertical="center" wrapText="1"/>
    </xf>
    <xf numFmtId="49" fontId="1" fillId="0" borderId="6" xfId="3" applyNumberFormat="1" applyFont="1" applyBorder="1" applyAlignment="1">
      <alignment horizontal="left" vertical="center" wrapText="1"/>
    </xf>
    <xf numFmtId="9" fontId="1" fillId="0" borderId="6" xfId="3" applyNumberFormat="1" applyFont="1" applyBorder="1" applyAlignment="1">
      <alignment horizontal="center" vertical="center" wrapText="1"/>
    </xf>
    <xf numFmtId="49" fontId="1" fillId="0" borderId="7" xfId="3" applyNumberFormat="1" applyFont="1" applyBorder="1" applyAlignment="1">
      <alignment horizontal="left" vertical="center" wrapText="1"/>
    </xf>
    <xf numFmtId="9" fontId="1" fillId="0" borderId="98" xfId="3" applyNumberFormat="1" applyFont="1" applyBorder="1" applyAlignment="1">
      <alignment horizontal="center" vertical="center" wrapText="1"/>
    </xf>
    <xf numFmtId="0" fontId="20" fillId="0" borderId="0" xfId="3" applyFont="1" applyAlignment="1">
      <alignment vertical="center" wrapText="1"/>
    </xf>
    <xf numFmtId="49" fontId="1" fillId="0" borderId="54" xfId="3" applyNumberFormat="1" applyFont="1" applyBorder="1" applyAlignment="1">
      <alignment horizontal="center" vertical="center" wrapText="1"/>
    </xf>
    <xf numFmtId="49" fontId="1" fillId="0" borderId="2" xfId="3" applyNumberFormat="1" applyFont="1" applyBorder="1" applyAlignment="1">
      <alignment horizontal="left" vertical="center" wrapText="1"/>
    </xf>
    <xf numFmtId="9" fontId="1" fillId="0" borderId="2" xfId="3" applyNumberFormat="1" applyFont="1" applyBorder="1" applyAlignment="1">
      <alignment horizontal="center" vertical="center" wrapText="1"/>
    </xf>
    <xf numFmtId="49" fontId="1" fillId="0" borderId="72" xfId="3" applyNumberFormat="1" applyFont="1" applyBorder="1" applyAlignment="1">
      <alignment horizontal="left" vertical="center" wrapText="1"/>
    </xf>
    <xf numFmtId="9" fontId="1" fillId="0" borderId="99" xfId="3" applyNumberFormat="1" applyFont="1" applyBorder="1" applyAlignment="1">
      <alignment horizontal="center" vertical="center" wrapText="1"/>
    </xf>
    <xf numFmtId="49" fontId="1" fillId="0" borderId="55" xfId="3" applyNumberFormat="1" applyFont="1" applyBorder="1" applyAlignment="1">
      <alignment horizontal="center" vertical="center" wrapText="1"/>
    </xf>
    <xf numFmtId="49" fontId="1" fillId="0" borderId="56" xfId="3" applyNumberFormat="1" applyFont="1" applyBorder="1" applyAlignment="1">
      <alignment horizontal="left" vertical="center" wrapText="1"/>
    </xf>
    <xf numFmtId="9" fontId="1" fillId="0" borderId="56" xfId="3" applyNumberFormat="1" applyFont="1" applyBorder="1" applyAlignment="1">
      <alignment horizontal="center" vertical="center" wrapText="1"/>
    </xf>
    <xf numFmtId="49" fontId="1" fillId="0" borderId="100" xfId="3" applyNumberFormat="1" applyFont="1" applyBorder="1" applyAlignment="1">
      <alignment horizontal="left" vertical="center" wrapText="1"/>
    </xf>
    <xf numFmtId="9" fontId="1" fillId="0" borderId="101" xfId="3" applyNumberFormat="1" applyFont="1" applyBorder="1" applyAlignment="1">
      <alignment horizontal="center" vertical="center" wrapText="1"/>
    </xf>
    <xf numFmtId="0" fontId="1" fillId="0" borderId="0" xfId="3" applyFont="1" applyAlignment="1">
      <alignment wrapText="1"/>
    </xf>
    <xf numFmtId="0" fontId="20" fillId="0" borderId="0" xfId="3" applyFont="1"/>
    <xf numFmtId="49" fontId="24" fillId="2" borderId="3" xfId="3" applyNumberFormat="1" applyFont="1" applyFill="1" applyBorder="1" applyAlignment="1">
      <alignment wrapText="1"/>
    </xf>
    <xf numFmtId="3" fontId="19" fillId="0" borderId="0" xfId="3" applyNumberFormat="1" applyFont="1" applyAlignment="1">
      <alignment horizontal="center"/>
    </xf>
    <xf numFmtId="0" fontId="19" fillId="0" borderId="0" xfId="3" applyFont="1" applyAlignment="1"/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10" xfId="0" applyNumberFormat="1" applyFont="1" applyBorder="1" applyAlignment="1">
      <alignment horizontal="center" vertical="top" wrapText="1"/>
    </xf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center" wrapText="1"/>
    </xf>
    <xf numFmtId="0" fontId="17" fillId="0" borderId="0" xfId="0" applyFont="1" applyAlignment="1">
      <alignment horizontal="center" wrapText="1"/>
    </xf>
    <xf numFmtId="49" fontId="18" fillId="3" borderId="0" xfId="0" applyNumberFormat="1" applyFont="1" applyFill="1" applyBorder="1" applyAlignment="1">
      <alignment horizontal="left" vertical="center"/>
    </xf>
    <xf numFmtId="49" fontId="8" fillId="2" borderId="40" xfId="0" applyNumberFormat="1" applyFont="1" applyFill="1" applyBorder="1" applyAlignment="1">
      <alignment horizontal="left" vertical="center"/>
    </xf>
    <xf numFmtId="49" fontId="8" fillId="2" borderId="8" xfId="0" applyNumberFormat="1" applyFont="1" applyFill="1" applyBorder="1" applyAlignment="1">
      <alignment horizontal="left" vertical="center"/>
    </xf>
    <xf numFmtId="49" fontId="8" fillId="2" borderId="41" xfId="0" applyNumberFormat="1" applyFont="1" applyFill="1" applyBorder="1" applyAlignment="1">
      <alignment horizontal="left" vertical="center"/>
    </xf>
    <xf numFmtId="49" fontId="8" fillId="2" borderId="52" xfId="0" applyNumberFormat="1" applyFont="1" applyFill="1" applyBorder="1" applyAlignment="1">
      <alignment horizontal="left" vertical="center"/>
    </xf>
    <xf numFmtId="49" fontId="8" fillId="2" borderId="76" xfId="0" applyNumberFormat="1" applyFont="1" applyFill="1" applyBorder="1" applyAlignment="1">
      <alignment horizontal="left" vertical="center"/>
    </xf>
    <xf numFmtId="49" fontId="8" fillId="2" borderId="89" xfId="0" applyNumberFormat="1" applyFont="1" applyFill="1" applyBorder="1" applyAlignment="1">
      <alignment horizontal="left" vertical="center"/>
    </xf>
    <xf numFmtId="0" fontId="8" fillId="0" borderId="0" xfId="1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5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5" fillId="0" borderId="0" xfId="1" applyFont="1" applyBorder="1" applyAlignment="1">
      <alignment horizontal="left" vertical="center" wrapText="1"/>
    </xf>
    <xf numFmtId="0" fontId="1" fillId="0" borderId="73" xfId="0" applyFont="1" applyFill="1" applyBorder="1" applyAlignment="1">
      <alignment horizontal="left" vertical="center" wrapText="1"/>
    </xf>
    <xf numFmtId="0" fontId="1" fillId="0" borderId="74" xfId="0" applyFont="1" applyFill="1" applyBorder="1" applyAlignment="1">
      <alignment horizontal="left" vertical="center" wrapText="1"/>
    </xf>
    <xf numFmtId="0" fontId="1" fillId="0" borderId="75" xfId="0" applyFont="1" applyFill="1" applyBorder="1" applyAlignment="1">
      <alignment horizontal="left" vertical="center" wrapText="1"/>
    </xf>
    <xf numFmtId="0" fontId="1" fillId="0" borderId="47" xfId="0" applyFont="1" applyFill="1" applyBorder="1" applyAlignment="1">
      <alignment horizontal="left" vertical="center" wrapText="1"/>
    </xf>
    <xf numFmtId="0" fontId="1" fillId="0" borderId="13" xfId="0" applyFont="1" applyFill="1" applyBorder="1" applyAlignment="1">
      <alignment horizontal="left" vertical="center" wrapText="1"/>
    </xf>
    <xf numFmtId="0" fontId="1" fillId="0" borderId="48" xfId="0" applyFont="1" applyFill="1" applyBorder="1" applyAlignment="1">
      <alignment horizontal="left" vertical="center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1" fillId="0" borderId="88" xfId="0" applyFont="1" applyFill="1" applyBorder="1" applyAlignment="1">
      <alignment horizontal="left" vertical="center" wrapText="1"/>
    </xf>
    <xf numFmtId="0" fontId="1" fillId="0" borderId="10" xfId="0" applyFont="1" applyFill="1" applyBorder="1" applyAlignment="1">
      <alignment horizontal="left" vertical="center" wrapText="1"/>
    </xf>
    <xf numFmtId="0" fontId="1" fillId="0" borderId="60" xfId="0" applyFont="1" applyFill="1" applyBorder="1" applyAlignment="1">
      <alignment horizontal="left" vertical="center" wrapText="1"/>
    </xf>
    <xf numFmtId="0" fontId="1" fillId="0" borderId="38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left" vertical="center" wrapText="1"/>
    </xf>
    <xf numFmtId="0" fontId="1" fillId="0" borderId="39" xfId="0" applyFont="1" applyFill="1" applyBorder="1" applyAlignment="1">
      <alignment horizontal="left" vertical="center" wrapText="1"/>
    </xf>
    <xf numFmtId="49" fontId="1" fillId="0" borderId="47" xfId="0" applyNumberFormat="1" applyFont="1" applyFill="1" applyBorder="1" applyAlignment="1">
      <alignment horizontal="left" vertical="center" wrapText="1"/>
    </xf>
    <xf numFmtId="49" fontId="1" fillId="0" borderId="13" xfId="0" applyNumberFormat="1" applyFont="1" applyFill="1" applyBorder="1" applyAlignment="1">
      <alignment horizontal="left" vertical="center" wrapText="1"/>
    </xf>
    <xf numFmtId="49" fontId="1" fillId="0" borderId="48" xfId="0" applyNumberFormat="1" applyFont="1" applyFill="1" applyBorder="1" applyAlignment="1">
      <alignment horizontal="left" vertical="center" wrapText="1"/>
    </xf>
    <xf numFmtId="0" fontId="13" fillId="4" borderId="50" xfId="0" applyFont="1" applyFill="1" applyBorder="1" applyAlignment="1">
      <alignment horizontal="center" vertical="top" wrapText="1"/>
    </xf>
    <xf numFmtId="0" fontId="13" fillId="4" borderId="96" xfId="0" applyFont="1" applyFill="1" applyBorder="1" applyAlignment="1">
      <alignment horizontal="center" vertical="top" wrapText="1"/>
    </xf>
    <xf numFmtId="49" fontId="8" fillId="2" borderId="82" xfId="0" applyNumberFormat="1" applyFont="1" applyFill="1" applyBorder="1" applyAlignment="1">
      <alignment horizontal="left" vertical="center"/>
    </xf>
    <xf numFmtId="49" fontId="8" fillId="2" borderId="78" xfId="0" applyNumberFormat="1" applyFont="1" applyFill="1" applyBorder="1" applyAlignment="1">
      <alignment horizontal="left" vertical="center"/>
    </xf>
    <xf numFmtId="49" fontId="8" fillId="2" borderId="28" xfId="0" applyNumberFormat="1" applyFont="1" applyFill="1" applyBorder="1" applyAlignment="1">
      <alignment horizontal="left" vertical="center"/>
    </xf>
    <xf numFmtId="49" fontId="1" fillId="0" borderId="44" xfId="0" applyNumberFormat="1" applyFont="1" applyFill="1" applyBorder="1" applyAlignment="1">
      <alignment horizontal="left" vertical="center" wrapText="1"/>
    </xf>
    <xf numFmtId="49" fontId="1" fillId="0" borderId="23" xfId="0" applyNumberFormat="1" applyFont="1" applyFill="1" applyBorder="1" applyAlignment="1">
      <alignment horizontal="left" vertical="center" wrapText="1"/>
    </xf>
    <xf numFmtId="49" fontId="1" fillId="0" borderId="45" xfId="0" applyNumberFormat="1" applyFont="1" applyFill="1" applyBorder="1" applyAlignment="1">
      <alignment horizontal="left" vertical="center" wrapText="1"/>
    </xf>
    <xf numFmtId="49" fontId="2" fillId="4" borderId="26" xfId="0" applyNumberFormat="1" applyFont="1" applyFill="1" applyBorder="1" applyAlignment="1">
      <alignment horizontal="left" vertical="top" wrapText="1"/>
    </xf>
    <xf numFmtId="49" fontId="2" fillId="4" borderId="16" xfId="0" applyNumberFormat="1" applyFont="1" applyFill="1" applyBorder="1" applyAlignment="1">
      <alignment horizontal="left" vertical="top" wrapText="1"/>
    </xf>
    <xf numFmtId="49" fontId="2" fillId="4" borderId="57" xfId="0" applyNumberFormat="1" applyFont="1" applyFill="1" applyBorder="1" applyAlignment="1">
      <alignment horizontal="left" vertical="top" wrapText="1"/>
    </xf>
    <xf numFmtId="49" fontId="2" fillId="4" borderId="27" xfId="0" applyNumberFormat="1" applyFont="1" applyFill="1" applyBorder="1" applyAlignment="1">
      <alignment horizontal="left" vertical="top" wrapText="1"/>
    </xf>
    <xf numFmtId="49" fontId="2" fillId="4" borderId="29" xfId="0" applyNumberFormat="1" applyFont="1" applyFill="1" applyBorder="1" applyAlignment="1">
      <alignment horizontal="left" vertical="top" wrapText="1"/>
    </xf>
    <xf numFmtId="49" fontId="2" fillId="4" borderId="77" xfId="0" applyNumberFormat="1" applyFont="1" applyFill="1" applyBorder="1" applyAlignment="1">
      <alignment horizontal="left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13" fillId="0" borderId="16" xfId="0" applyFont="1" applyBorder="1" applyAlignment="1" applyProtection="1">
      <alignment horizontal="center" vertical="top" wrapText="1"/>
      <protection locked="0"/>
    </xf>
    <xf numFmtId="0" fontId="13" fillId="0" borderId="0" xfId="0" applyFont="1" applyBorder="1" applyAlignment="1" applyProtection="1">
      <alignment horizontal="center" vertical="top" wrapText="1"/>
      <protection locked="0"/>
    </xf>
    <xf numFmtId="3" fontId="13" fillId="0" borderId="31" xfId="0" applyNumberFormat="1" applyFont="1" applyBorder="1" applyAlignment="1" applyProtection="1">
      <alignment horizontal="center" vertical="top" wrapText="1"/>
      <protection locked="0"/>
    </xf>
    <xf numFmtId="0" fontId="13" fillId="0" borderId="32" xfId="0" applyFont="1" applyFill="1" applyBorder="1" applyAlignment="1" applyProtection="1">
      <alignment horizontal="center" vertical="top" wrapText="1"/>
      <protection locked="0"/>
    </xf>
    <xf numFmtId="0" fontId="13" fillId="0" borderId="33" xfId="0" applyFont="1" applyFill="1" applyBorder="1" applyAlignment="1" applyProtection="1">
      <alignment horizontal="center" vertical="top" wrapText="1"/>
      <protection locked="0"/>
    </xf>
    <xf numFmtId="3" fontId="11" fillId="0" borderId="35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6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7" xfId="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15" xfId="0" applyFont="1" applyBorder="1" applyAlignment="1" applyProtection="1">
      <alignment horizontal="center" vertical="top" wrapText="1"/>
      <protection locked="0"/>
    </xf>
    <xf numFmtId="0" fontId="13" fillId="0" borderId="18" xfId="0" applyFont="1" applyBorder="1" applyAlignment="1" applyProtection="1">
      <alignment horizontal="center" vertical="top" wrapText="1"/>
      <protection locked="0"/>
    </xf>
    <xf numFmtId="0" fontId="13" fillId="0" borderId="16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17" xfId="0" applyFont="1" applyBorder="1" applyAlignment="1" applyProtection="1">
      <alignment horizontal="left" vertical="top" wrapText="1"/>
      <protection locked="0"/>
    </xf>
    <xf numFmtId="0" fontId="13" fillId="0" borderId="4" xfId="0" applyFont="1" applyBorder="1" applyAlignment="1" applyProtection="1">
      <alignment horizontal="left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58" xfId="0" applyFont="1" applyBorder="1" applyAlignment="1" applyProtection="1">
      <alignment horizontal="center" vertical="top" wrapText="1"/>
      <protection locked="0"/>
    </xf>
    <xf numFmtId="0" fontId="13" fillId="0" borderId="17" xfId="0" applyFont="1" applyBorder="1" applyAlignment="1" applyProtection="1">
      <alignment horizontal="center" vertical="top" wrapText="1"/>
      <protection locked="0"/>
    </xf>
    <xf numFmtId="0" fontId="13" fillId="0" borderId="4" xfId="0" applyFont="1" applyBorder="1" applyAlignment="1" applyProtection="1">
      <alignment horizontal="center" vertical="top" wrapText="1"/>
      <protection locked="0"/>
    </xf>
    <xf numFmtId="49" fontId="8" fillId="0" borderId="0" xfId="1" applyNumberFormat="1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49" fontId="8" fillId="3" borderId="0" xfId="1" applyNumberFormat="1" applyFont="1" applyFill="1" applyAlignment="1" applyProtection="1">
      <alignment horizontal="left" vertical="center" wrapText="1"/>
      <protection locked="0"/>
    </xf>
    <xf numFmtId="0" fontId="20" fillId="0" borderId="0" xfId="3" applyFont="1" applyAlignment="1">
      <alignment horizontal="left"/>
    </xf>
    <xf numFmtId="49" fontId="19" fillId="0" borderId="0" xfId="3" applyNumberFormat="1" applyFont="1" applyBorder="1" applyAlignment="1">
      <alignment horizontal="left" vertical="center" wrapText="1"/>
    </xf>
    <xf numFmtId="49" fontId="19" fillId="0" borderId="0" xfId="3" applyNumberFormat="1" applyFont="1" applyAlignment="1">
      <alignment horizontal="left" vertical="center" wrapText="1"/>
    </xf>
    <xf numFmtId="0" fontId="22" fillId="0" borderId="0" xfId="3" applyFont="1" applyAlignment="1">
      <alignment horizontal="left" vertical="top" wrapText="1"/>
    </xf>
    <xf numFmtId="0" fontId="1" fillId="0" borderId="0" xfId="3" applyFont="1" applyAlignment="1">
      <alignment horizontal="left" wrapText="1"/>
    </xf>
    <xf numFmtId="0" fontId="1" fillId="0" borderId="0" xfId="3" applyFont="1" applyAlignment="1">
      <alignment horizontal="left" vertical="center" wrapText="1"/>
    </xf>
    <xf numFmtId="0" fontId="19" fillId="0" borderId="0" xfId="3" applyFont="1" applyAlignment="1">
      <alignment horizontal="left" wrapText="1"/>
    </xf>
    <xf numFmtId="0" fontId="20" fillId="0" borderId="0" xfId="3" applyFont="1" applyAlignment="1">
      <alignment horizontal="center" wrapText="1"/>
    </xf>
    <xf numFmtId="0" fontId="3" fillId="0" borderId="0" xfId="3" applyFont="1" applyFill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19\02.%20Oddelenie%20VO\01.%20Prebiehaj&#250;ce\04.%20Alenka\2019_011_Kompletn&#225;%20&#353;k&#225;la%20embolektomick&#253;ch,%20trombektomick&#253;ch%20a%20okl&#250;znych%20kat&#233;trov\03.%20V&#253;zva%20bez%20predlo&#382;enia%20ponuky%20VZOR\Pr&#237;lohy%20&#269;.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 refreshError="1">
        <row r="2">
          <cell r="A2" t="str">
            <v>Kompletná škála embolektomických, trombektomických a oklúznych katétrov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152"/>
  <sheetViews>
    <sheetView showGridLines="0" topLeftCell="A34" zoomScale="90" zoomScaleNormal="90" workbookViewId="0">
      <selection activeCell="P11" sqref="P11"/>
    </sheetView>
  </sheetViews>
  <sheetFormatPr defaultRowHeight="15" x14ac:dyDescent="0.25"/>
  <cols>
    <col min="1" max="1" width="7" style="2" customWidth="1"/>
    <col min="2" max="3" width="3.42578125" style="2" customWidth="1"/>
    <col min="4" max="4" width="74.140625" style="2" customWidth="1"/>
    <col min="5" max="5" width="17" style="2" customWidth="1"/>
    <col min="6" max="6" width="23.28515625" style="2" customWidth="1"/>
    <col min="7" max="16384" width="9.140625" style="2"/>
  </cols>
  <sheetData>
    <row r="1" spans="1:10" x14ac:dyDescent="0.25">
      <c r="A1" s="160" t="s">
        <v>10</v>
      </c>
      <c r="B1" s="160"/>
      <c r="C1" s="160"/>
      <c r="D1" s="160"/>
    </row>
    <row r="2" spans="1:10" ht="15" customHeight="1" x14ac:dyDescent="0.25">
      <c r="A2" s="185" t="str">
        <f>'[1]Príloha č. 1'!A2:C2</f>
        <v>Kompletná škála embolektomických, trombektomických a oklúznych katétrov</v>
      </c>
      <c r="B2" s="185"/>
      <c r="C2" s="185"/>
      <c r="D2" s="185"/>
    </row>
    <row r="3" spans="1:10" ht="15" customHeight="1" x14ac:dyDescent="0.25">
      <c r="A3" s="89"/>
      <c r="B3" s="89"/>
      <c r="C3" s="89"/>
      <c r="D3" s="89"/>
    </row>
    <row r="4" spans="1:10" ht="24.75" customHeight="1" x14ac:dyDescent="0.25">
      <c r="A4" s="186"/>
      <c r="B4" s="186"/>
      <c r="C4" s="186"/>
      <c r="D4" s="186"/>
    </row>
    <row r="5" spans="1:10" ht="18.75" customHeight="1" x14ac:dyDescent="0.3">
      <c r="A5" s="165" t="s">
        <v>18</v>
      </c>
      <c r="B5" s="165"/>
      <c r="C5" s="165"/>
      <c r="D5" s="165"/>
      <c r="E5" s="165"/>
      <c r="F5" s="165"/>
      <c r="G5" s="6"/>
      <c r="H5" s="6"/>
      <c r="I5" s="6"/>
      <c r="J5" s="6"/>
    </row>
    <row r="6" spans="1:10" s="5" customFormat="1" ht="22.5" customHeight="1" thickBot="1" x14ac:dyDescent="0.3">
      <c r="A6" s="13"/>
      <c r="B6" s="13"/>
      <c r="C6" s="13"/>
      <c r="D6" s="13"/>
    </row>
    <row r="7" spans="1:10" s="5" customFormat="1" ht="89.25" customHeight="1" x14ac:dyDescent="0.25">
      <c r="A7" s="204" t="s">
        <v>39</v>
      </c>
      <c r="B7" s="205"/>
      <c r="C7" s="205"/>
      <c r="D7" s="206"/>
      <c r="E7" s="196" t="s">
        <v>42</v>
      </c>
      <c r="F7" s="197"/>
    </row>
    <row r="8" spans="1:10" s="5" customFormat="1" ht="27.75" customHeight="1" thickBot="1" x14ac:dyDescent="0.3">
      <c r="A8" s="207"/>
      <c r="B8" s="208"/>
      <c r="C8" s="208"/>
      <c r="D8" s="209"/>
      <c r="E8" s="122" t="s">
        <v>40</v>
      </c>
      <c r="F8" s="123" t="s">
        <v>41</v>
      </c>
    </row>
    <row r="9" spans="1:10" s="4" customFormat="1" ht="24.95" customHeight="1" x14ac:dyDescent="0.25">
      <c r="A9" s="198" t="s">
        <v>53</v>
      </c>
      <c r="B9" s="199"/>
      <c r="C9" s="199"/>
      <c r="D9" s="199"/>
      <c r="E9" s="199"/>
      <c r="F9" s="200"/>
    </row>
    <row r="10" spans="1:10" s="4" customFormat="1" ht="24.95" customHeight="1" x14ac:dyDescent="0.25">
      <c r="A10" s="116" t="s">
        <v>62</v>
      </c>
      <c r="B10" s="179" t="s">
        <v>60</v>
      </c>
      <c r="C10" s="180"/>
      <c r="D10" s="181"/>
      <c r="E10" s="101"/>
      <c r="F10" s="100"/>
    </row>
    <row r="11" spans="1:10" s="4" customFormat="1" ht="24.95" customHeight="1" x14ac:dyDescent="0.25">
      <c r="A11" s="116" t="s">
        <v>63</v>
      </c>
      <c r="B11" s="182" t="s">
        <v>61</v>
      </c>
      <c r="C11" s="183"/>
      <c r="D11" s="184"/>
      <c r="E11" s="102"/>
      <c r="F11" s="104"/>
    </row>
    <row r="12" spans="1:10" s="4" customFormat="1" ht="24.95" customHeight="1" x14ac:dyDescent="0.25">
      <c r="A12" s="116" t="s">
        <v>64</v>
      </c>
      <c r="B12" s="182" t="s">
        <v>65</v>
      </c>
      <c r="C12" s="183"/>
      <c r="D12" s="184"/>
      <c r="E12" s="102"/>
      <c r="F12" s="104"/>
    </row>
    <row r="13" spans="1:10" s="4" customFormat="1" ht="24.95" customHeight="1" x14ac:dyDescent="0.25">
      <c r="A13" s="116" t="s">
        <v>66</v>
      </c>
      <c r="B13" s="182" t="s">
        <v>67</v>
      </c>
      <c r="C13" s="183"/>
      <c r="D13" s="184"/>
      <c r="E13" s="102"/>
      <c r="F13" s="104"/>
    </row>
    <row r="14" spans="1:10" s="4" customFormat="1" ht="24.95" customHeight="1" x14ac:dyDescent="0.25">
      <c r="A14" s="116" t="s">
        <v>68</v>
      </c>
      <c r="B14" s="182" t="s">
        <v>69</v>
      </c>
      <c r="C14" s="183"/>
      <c r="D14" s="184"/>
      <c r="E14" s="102"/>
      <c r="F14" s="104"/>
    </row>
    <row r="15" spans="1:10" s="4" customFormat="1" ht="24.95" customHeight="1" x14ac:dyDescent="0.25">
      <c r="A15" s="103" t="s">
        <v>70</v>
      </c>
      <c r="B15" s="182" t="s">
        <v>71</v>
      </c>
      <c r="C15" s="183"/>
      <c r="D15" s="184"/>
      <c r="E15" s="102"/>
      <c r="F15" s="104"/>
    </row>
    <row r="16" spans="1:10" s="4" customFormat="1" ht="24.95" customHeight="1" x14ac:dyDescent="0.25">
      <c r="A16" s="103"/>
      <c r="B16" s="182" t="s">
        <v>72</v>
      </c>
      <c r="C16" s="183"/>
      <c r="D16" s="184"/>
      <c r="E16" s="102"/>
      <c r="F16" s="104"/>
    </row>
    <row r="17" spans="1:6" s="4" customFormat="1" ht="24.95" customHeight="1" x14ac:dyDescent="0.25">
      <c r="A17" s="103"/>
      <c r="B17" s="182" t="s">
        <v>73</v>
      </c>
      <c r="C17" s="183"/>
      <c r="D17" s="184"/>
      <c r="E17" s="102"/>
      <c r="F17" s="104"/>
    </row>
    <row r="18" spans="1:6" s="4" customFormat="1" ht="24.95" customHeight="1" x14ac:dyDescent="0.25">
      <c r="A18" s="103" t="s">
        <v>74</v>
      </c>
      <c r="B18" s="182" t="s">
        <v>75</v>
      </c>
      <c r="C18" s="183"/>
      <c r="D18" s="184"/>
      <c r="E18" s="102"/>
      <c r="F18" s="104"/>
    </row>
    <row r="19" spans="1:6" s="4" customFormat="1" ht="24.95" customHeight="1" x14ac:dyDescent="0.25">
      <c r="A19" s="103"/>
      <c r="B19" s="182" t="s">
        <v>76</v>
      </c>
      <c r="C19" s="183"/>
      <c r="D19" s="184"/>
      <c r="E19" s="102"/>
      <c r="F19" s="104"/>
    </row>
    <row r="20" spans="1:6" s="4" customFormat="1" ht="24.95" customHeight="1" x14ac:dyDescent="0.25">
      <c r="A20" s="103"/>
      <c r="B20" s="182" t="s">
        <v>77</v>
      </c>
      <c r="C20" s="183"/>
      <c r="D20" s="184"/>
      <c r="E20" s="102"/>
      <c r="F20" s="104"/>
    </row>
    <row r="21" spans="1:6" s="4" customFormat="1" ht="24.95" customHeight="1" x14ac:dyDescent="0.25">
      <c r="A21" s="103" t="s">
        <v>78</v>
      </c>
      <c r="B21" s="182" t="s">
        <v>79</v>
      </c>
      <c r="C21" s="183"/>
      <c r="D21" s="184"/>
      <c r="E21" s="102"/>
      <c r="F21" s="104"/>
    </row>
    <row r="22" spans="1:6" s="4" customFormat="1" ht="24.95" customHeight="1" x14ac:dyDescent="0.25">
      <c r="A22" s="103"/>
      <c r="B22" s="182" t="s">
        <v>76</v>
      </c>
      <c r="C22" s="183"/>
      <c r="D22" s="184"/>
      <c r="E22" s="102"/>
      <c r="F22" s="104"/>
    </row>
    <row r="23" spans="1:6" s="4" customFormat="1" ht="24.95" customHeight="1" x14ac:dyDescent="0.25">
      <c r="A23" s="103"/>
      <c r="B23" s="182" t="s">
        <v>80</v>
      </c>
      <c r="C23" s="183"/>
      <c r="D23" s="184"/>
      <c r="E23" s="102"/>
      <c r="F23" s="104"/>
    </row>
    <row r="24" spans="1:6" s="4" customFormat="1" ht="24.95" customHeight="1" x14ac:dyDescent="0.25">
      <c r="A24" s="103" t="s">
        <v>81</v>
      </c>
      <c r="B24" s="182" t="s">
        <v>82</v>
      </c>
      <c r="C24" s="183"/>
      <c r="D24" s="184"/>
      <c r="E24" s="102"/>
      <c r="F24" s="104"/>
    </row>
    <row r="25" spans="1:6" s="4" customFormat="1" ht="24.95" customHeight="1" x14ac:dyDescent="0.25">
      <c r="A25" s="103"/>
      <c r="B25" s="182" t="s">
        <v>83</v>
      </c>
      <c r="C25" s="183"/>
      <c r="D25" s="184"/>
      <c r="E25" s="102"/>
      <c r="F25" s="104"/>
    </row>
    <row r="26" spans="1:6" s="4" customFormat="1" ht="24.95" customHeight="1" x14ac:dyDescent="0.25">
      <c r="A26" s="103"/>
      <c r="B26" s="182" t="s">
        <v>77</v>
      </c>
      <c r="C26" s="183"/>
      <c r="D26" s="184"/>
      <c r="E26" s="102"/>
      <c r="F26" s="104"/>
    </row>
    <row r="27" spans="1:6" s="4" customFormat="1" ht="24.95" customHeight="1" x14ac:dyDescent="0.25">
      <c r="A27" s="103" t="s">
        <v>84</v>
      </c>
      <c r="B27" s="182" t="s">
        <v>85</v>
      </c>
      <c r="C27" s="183"/>
      <c r="D27" s="184"/>
      <c r="E27" s="102"/>
      <c r="F27" s="104"/>
    </row>
    <row r="28" spans="1:6" s="4" customFormat="1" ht="24.95" customHeight="1" x14ac:dyDescent="0.25">
      <c r="A28" s="103"/>
      <c r="B28" s="182" t="s">
        <v>83</v>
      </c>
      <c r="C28" s="183"/>
      <c r="D28" s="184"/>
      <c r="E28" s="102" t="s">
        <v>154</v>
      </c>
      <c r="F28" s="104"/>
    </row>
    <row r="29" spans="1:6" s="4" customFormat="1" ht="24.95" customHeight="1" x14ac:dyDescent="0.25">
      <c r="A29" s="103"/>
      <c r="B29" s="182" t="s">
        <v>80</v>
      </c>
      <c r="C29" s="183"/>
      <c r="D29" s="184"/>
      <c r="E29" s="102"/>
      <c r="F29" s="104"/>
    </row>
    <row r="30" spans="1:6" s="4" customFormat="1" ht="24.95" customHeight="1" x14ac:dyDescent="0.25">
      <c r="A30" s="103" t="s">
        <v>86</v>
      </c>
      <c r="B30" s="182" t="s">
        <v>87</v>
      </c>
      <c r="C30" s="183"/>
      <c r="D30" s="184"/>
      <c r="E30" s="102"/>
      <c r="F30" s="104"/>
    </row>
    <row r="31" spans="1:6" s="4" customFormat="1" ht="24.95" customHeight="1" x14ac:dyDescent="0.25">
      <c r="A31" s="103"/>
      <c r="B31" s="182" t="s">
        <v>88</v>
      </c>
      <c r="C31" s="183"/>
      <c r="D31" s="184"/>
      <c r="E31" s="102"/>
      <c r="F31" s="104"/>
    </row>
    <row r="32" spans="1:6" s="4" customFormat="1" ht="24.95" customHeight="1" x14ac:dyDescent="0.25">
      <c r="A32" s="103"/>
      <c r="B32" s="182" t="s">
        <v>80</v>
      </c>
      <c r="C32" s="183"/>
      <c r="D32" s="184"/>
      <c r="E32" s="102"/>
      <c r="F32" s="104"/>
    </row>
    <row r="33" spans="1:6" s="4" customFormat="1" ht="24.95" customHeight="1" x14ac:dyDescent="0.25">
      <c r="A33" s="103" t="s">
        <v>89</v>
      </c>
      <c r="B33" s="182" t="s">
        <v>90</v>
      </c>
      <c r="C33" s="183"/>
      <c r="D33" s="184"/>
      <c r="E33" s="102"/>
      <c r="F33" s="104"/>
    </row>
    <row r="34" spans="1:6" s="4" customFormat="1" ht="24.95" customHeight="1" x14ac:dyDescent="0.25">
      <c r="A34" s="103"/>
      <c r="B34" s="182" t="s">
        <v>91</v>
      </c>
      <c r="C34" s="183"/>
      <c r="D34" s="184"/>
      <c r="E34" s="102"/>
      <c r="F34" s="104"/>
    </row>
    <row r="35" spans="1:6" s="4" customFormat="1" ht="24.95" customHeight="1" x14ac:dyDescent="0.25">
      <c r="A35" s="103"/>
      <c r="B35" s="182" t="s">
        <v>80</v>
      </c>
      <c r="C35" s="183"/>
      <c r="D35" s="184"/>
      <c r="E35" s="102"/>
      <c r="F35" s="104"/>
    </row>
    <row r="36" spans="1:6" s="4" customFormat="1" ht="24.95" customHeight="1" x14ac:dyDescent="0.25">
      <c r="A36" s="103" t="s">
        <v>92</v>
      </c>
      <c r="B36" s="182" t="s">
        <v>93</v>
      </c>
      <c r="C36" s="183"/>
      <c r="D36" s="184"/>
      <c r="E36" s="102"/>
      <c r="F36" s="104"/>
    </row>
    <row r="37" spans="1:6" s="4" customFormat="1" ht="24.95" customHeight="1" x14ac:dyDescent="0.25">
      <c r="A37" s="103"/>
      <c r="B37" s="182" t="s">
        <v>94</v>
      </c>
      <c r="C37" s="183"/>
      <c r="D37" s="184"/>
      <c r="E37" s="102"/>
      <c r="F37" s="104"/>
    </row>
    <row r="38" spans="1:6" s="4" customFormat="1" ht="24.95" customHeight="1" x14ac:dyDescent="0.25">
      <c r="A38" s="103"/>
      <c r="B38" s="182" t="s">
        <v>80</v>
      </c>
      <c r="C38" s="183"/>
      <c r="D38" s="184"/>
      <c r="E38" s="102"/>
      <c r="F38" s="104"/>
    </row>
    <row r="39" spans="1:6" s="4" customFormat="1" ht="48.75" customHeight="1" x14ac:dyDescent="0.25">
      <c r="A39" s="117" t="s">
        <v>95</v>
      </c>
      <c r="B39" s="187" t="s">
        <v>157</v>
      </c>
      <c r="C39" s="188"/>
      <c r="D39" s="189"/>
      <c r="E39" s="110"/>
      <c r="F39" s="111"/>
    </row>
    <row r="40" spans="1:6" s="4" customFormat="1" ht="24.95" customHeight="1" x14ac:dyDescent="0.25">
      <c r="A40" s="167" t="s">
        <v>54</v>
      </c>
      <c r="B40" s="168"/>
      <c r="C40" s="168"/>
      <c r="D40" s="168"/>
      <c r="E40" s="168"/>
      <c r="F40" s="169"/>
    </row>
    <row r="41" spans="1:6" s="4" customFormat="1" ht="24.95" customHeight="1" x14ac:dyDescent="0.25">
      <c r="A41" s="118" t="s">
        <v>43</v>
      </c>
      <c r="B41" s="190" t="s">
        <v>96</v>
      </c>
      <c r="C41" s="191"/>
      <c r="D41" s="192"/>
      <c r="E41" s="112"/>
      <c r="F41" s="54"/>
    </row>
    <row r="42" spans="1:6" s="4" customFormat="1" ht="24.95" customHeight="1" x14ac:dyDescent="0.25">
      <c r="A42" s="116" t="s">
        <v>47</v>
      </c>
      <c r="B42" s="182" t="s">
        <v>97</v>
      </c>
      <c r="C42" s="183"/>
      <c r="D42" s="184"/>
      <c r="E42" s="102"/>
      <c r="F42" s="104"/>
    </row>
    <row r="43" spans="1:6" s="4" customFormat="1" ht="24.95" customHeight="1" x14ac:dyDescent="0.25">
      <c r="A43" s="116" t="s">
        <v>48</v>
      </c>
      <c r="B43" s="182" t="s">
        <v>98</v>
      </c>
      <c r="C43" s="183"/>
      <c r="D43" s="184"/>
      <c r="E43" s="102"/>
      <c r="F43" s="104"/>
    </row>
    <row r="44" spans="1:6" s="4" customFormat="1" ht="24.95" customHeight="1" x14ac:dyDescent="0.25">
      <c r="A44" s="103" t="s">
        <v>99</v>
      </c>
      <c r="B44" s="182" t="s">
        <v>71</v>
      </c>
      <c r="C44" s="183"/>
      <c r="D44" s="184"/>
      <c r="E44" s="102"/>
      <c r="F44" s="104"/>
    </row>
    <row r="45" spans="1:6" s="4" customFormat="1" ht="24.95" customHeight="1" x14ac:dyDescent="0.25">
      <c r="A45" s="103"/>
      <c r="B45" s="182" t="s">
        <v>76</v>
      </c>
      <c r="C45" s="183"/>
      <c r="D45" s="184"/>
      <c r="E45" s="102"/>
      <c r="F45" s="104"/>
    </row>
    <row r="46" spans="1:6" s="4" customFormat="1" ht="24.95" customHeight="1" x14ac:dyDescent="0.25">
      <c r="A46" s="103"/>
      <c r="B46" s="182" t="s">
        <v>77</v>
      </c>
      <c r="C46" s="183"/>
      <c r="D46" s="184"/>
      <c r="E46" s="102"/>
      <c r="F46" s="104"/>
    </row>
    <row r="47" spans="1:6" s="4" customFormat="1" ht="24.95" customHeight="1" x14ac:dyDescent="0.25">
      <c r="A47" s="103" t="s">
        <v>100</v>
      </c>
      <c r="B47" s="182" t="s">
        <v>75</v>
      </c>
      <c r="C47" s="183"/>
      <c r="D47" s="184"/>
      <c r="E47" s="102"/>
      <c r="F47" s="104"/>
    </row>
    <row r="48" spans="1:6" s="4" customFormat="1" ht="24.95" customHeight="1" x14ac:dyDescent="0.25">
      <c r="A48" s="103"/>
      <c r="B48" s="182" t="s">
        <v>76</v>
      </c>
      <c r="C48" s="183"/>
      <c r="D48" s="184"/>
      <c r="E48" s="102"/>
      <c r="F48" s="104"/>
    </row>
    <row r="49" spans="1:6" s="4" customFormat="1" ht="24.95" customHeight="1" x14ac:dyDescent="0.25">
      <c r="A49" s="103"/>
      <c r="B49" s="182" t="s">
        <v>80</v>
      </c>
      <c r="C49" s="183"/>
      <c r="D49" s="184"/>
      <c r="E49" s="102"/>
      <c r="F49" s="104"/>
    </row>
    <row r="50" spans="1:6" s="4" customFormat="1" ht="24.95" customHeight="1" x14ac:dyDescent="0.25">
      <c r="A50" s="103" t="s">
        <v>101</v>
      </c>
      <c r="B50" s="182" t="s">
        <v>79</v>
      </c>
      <c r="C50" s="183"/>
      <c r="D50" s="184"/>
      <c r="E50" s="102"/>
      <c r="F50" s="104"/>
    </row>
    <row r="51" spans="1:6" s="4" customFormat="1" ht="24.95" customHeight="1" x14ac:dyDescent="0.25">
      <c r="A51" s="103"/>
      <c r="B51" s="182" t="s">
        <v>102</v>
      </c>
      <c r="C51" s="183"/>
      <c r="D51" s="184"/>
      <c r="E51" s="102"/>
      <c r="F51" s="104"/>
    </row>
    <row r="52" spans="1:6" s="4" customFormat="1" ht="24.95" customHeight="1" x14ac:dyDescent="0.25">
      <c r="A52" s="103"/>
      <c r="B52" s="182" t="s">
        <v>103</v>
      </c>
      <c r="C52" s="183"/>
      <c r="D52" s="184"/>
      <c r="E52" s="102"/>
      <c r="F52" s="104"/>
    </row>
    <row r="53" spans="1:6" s="4" customFormat="1" ht="24.95" customHeight="1" x14ac:dyDescent="0.25">
      <c r="A53" s="103" t="s">
        <v>104</v>
      </c>
      <c r="B53" s="182" t="s">
        <v>82</v>
      </c>
      <c r="C53" s="183"/>
      <c r="D53" s="184"/>
      <c r="E53" s="102"/>
      <c r="F53" s="104"/>
    </row>
    <row r="54" spans="1:6" s="4" customFormat="1" ht="24.95" customHeight="1" x14ac:dyDescent="0.25">
      <c r="A54" s="103"/>
      <c r="B54" s="182" t="s">
        <v>83</v>
      </c>
      <c r="C54" s="183"/>
      <c r="D54" s="184"/>
      <c r="E54" s="102"/>
      <c r="F54" s="104"/>
    </row>
    <row r="55" spans="1:6" s="4" customFormat="1" ht="24.95" customHeight="1" x14ac:dyDescent="0.25">
      <c r="A55" s="103"/>
      <c r="B55" s="182" t="s">
        <v>77</v>
      </c>
      <c r="C55" s="183"/>
      <c r="D55" s="184"/>
      <c r="E55" s="102"/>
      <c r="F55" s="104"/>
    </row>
    <row r="56" spans="1:6" s="4" customFormat="1" ht="24.95" customHeight="1" x14ac:dyDescent="0.25">
      <c r="A56" s="103" t="s">
        <v>105</v>
      </c>
      <c r="B56" s="182" t="s">
        <v>85</v>
      </c>
      <c r="C56" s="183"/>
      <c r="D56" s="184"/>
      <c r="E56" s="102"/>
      <c r="F56" s="104"/>
    </row>
    <row r="57" spans="1:6" s="4" customFormat="1" ht="24.95" customHeight="1" x14ac:dyDescent="0.25">
      <c r="A57" s="103"/>
      <c r="B57" s="182" t="s">
        <v>83</v>
      </c>
      <c r="C57" s="183"/>
      <c r="D57" s="184"/>
      <c r="E57" s="102"/>
      <c r="F57" s="104"/>
    </row>
    <row r="58" spans="1:6" s="4" customFormat="1" ht="24.95" customHeight="1" x14ac:dyDescent="0.25">
      <c r="A58" s="103"/>
      <c r="B58" s="182" t="s">
        <v>80</v>
      </c>
      <c r="C58" s="183"/>
      <c r="D58" s="184"/>
      <c r="E58" s="102"/>
      <c r="F58" s="104"/>
    </row>
    <row r="59" spans="1:6" s="4" customFormat="1" ht="24.95" customHeight="1" x14ac:dyDescent="0.25">
      <c r="A59" s="103" t="s">
        <v>106</v>
      </c>
      <c r="B59" s="182" t="s">
        <v>87</v>
      </c>
      <c r="C59" s="183"/>
      <c r="D59" s="184"/>
      <c r="E59" s="102"/>
      <c r="F59" s="104"/>
    </row>
    <row r="60" spans="1:6" s="4" customFormat="1" ht="24.95" customHeight="1" x14ac:dyDescent="0.25">
      <c r="A60" s="103"/>
      <c r="B60" s="182" t="s">
        <v>107</v>
      </c>
      <c r="C60" s="183"/>
      <c r="D60" s="184"/>
      <c r="E60" s="102"/>
      <c r="F60" s="104"/>
    </row>
    <row r="61" spans="1:6" s="4" customFormat="1" ht="24.95" customHeight="1" x14ac:dyDescent="0.25">
      <c r="A61" s="103"/>
      <c r="B61" s="182" t="s">
        <v>77</v>
      </c>
      <c r="C61" s="183"/>
      <c r="D61" s="184"/>
      <c r="E61" s="102"/>
      <c r="F61" s="104"/>
    </row>
    <row r="62" spans="1:6" s="4" customFormat="1" ht="24.95" customHeight="1" x14ac:dyDescent="0.25">
      <c r="A62" s="103" t="s">
        <v>108</v>
      </c>
      <c r="B62" s="182" t="s">
        <v>90</v>
      </c>
      <c r="C62" s="183"/>
      <c r="D62" s="184"/>
      <c r="E62" s="102"/>
      <c r="F62" s="104"/>
    </row>
    <row r="63" spans="1:6" s="4" customFormat="1" ht="24.95" customHeight="1" x14ac:dyDescent="0.25">
      <c r="A63" s="103"/>
      <c r="B63" s="182" t="s">
        <v>107</v>
      </c>
      <c r="C63" s="183"/>
      <c r="D63" s="184"/>
      <c r="E63" s="102"/>
      <c r="F63" s="104"/>
    </row>
    <row r="64" spans="1:6" s="4" customFormat="1" ht="24.95" customHeight="1" x14ac:dyDescent="0.25">
      <c r="A64" s="103"/>
      <c r="B64" s="182" t="s">
        <v>80</v>
      </c>
      <c r="C64" s="183"/>
      <c r="D64" s="184"/>
      <c r="E64" s="102"/>
      <c r="F64" s="104"/>
    </row>
    <row r="65" spans="1:6" s="4" customFormat="1" ht="24.95" customHeight="1" x14ac:dyDescent="0.25">
      <c r="A65" s="103" t="s">
        <v>109</v>
      </c>
      <c r="B65" s="182" t="s">
        <v>93</v>
      </c>
      <c r="C65" s="183"/>
      <c r="D65" s="184"/>
      <c r="E65" s="102"/>
      <c r="F65" s="104"/>
    </row>
    <row r="66" spans="1:6" s="4" customFormat="1" ht="24.95" customHeight="1" x14ac:dyDescent="0.25">
      <c r="A66" s="103"/>
      <c r="B66" s="182" t="s">
        <v>91</v>
      </c>
      <c r="C66" s="183"/>
      <c r="D66" s="184"/>
      <c r="E66" s="102"/>
      <c r="F66" s="104"/>
    </row>
    <row r="67" spans="1:6" s="4" customFormat="1" ht="24.95" customHeight="1" x14ac:dyDescent="0.25">
      <c r="A67" s="103"/>
      <c r="B67" s="182" t="s">
        <v>77</v>
      </c>
      <c r="C67" s="183"/>
      <c r="D67" s="184"/>
      <c r="E67" s="102"/>
      <c r="F67" s="104"/>
    </row>
    <row r="68" spans="1:6" s="4" customFormat="1" ht="24.95" customHeight="1" x14ac:dyDescent="0.25">
      <c r="A68" s="103" t="s">
        <v>110</v>
      </c>
      <c r="B68" s="182" t="s">
        <v>111</v>
      </c>
      <c r="C68" s="183"/>
      <c r="D68" s="184"/>
      <c r="E68" s="102"/>
      <c r="F68" s="104"/>
    </row>
    <row r="69" spans="1:6" s="4" customFormat="1" ht="24.95" customHeight="1" x14ac:dyDescent="0.25">
      <c r="A69" s="103"/>
      <c r="B69" s="182" t="s">
        <v>91</v>
      </c>
      <c r="C69" s="183"/>
      <c r="D69" s="184"/>
      <c r="E69" s="102"/>
      <c r="F69" s="104"/>
    </row>
    <row r="70" spans="1:6" s="4" customFormat="1" ht="24.95" customHeight="1" x14ac:dyDescent="0.25">
      <c r="A70" s="103"/>
      <c r="B70" s="182" t="s">
        <v>80</v>
      </c>
      <c r="C70" s="183"/>
      <c r="D70" s="184"/>
      <c r="E70" s="102"/>
      <c r="F70" s="104"/>
    </row>
    <row r="71" spans="1:6" s="4" customFormat="1" ht="24.95" customHeight="1" x14ac:dyDescent="0.25">
      <c r="A71" s="103" t="s">
        <v>112</v>
      </c>
      <c r="B71" s="182" t="s">
        <v>113</v>
      </c>
      <c r="C71" s="183"/>
      <c r="D71" s="184"/>
      <c r="E71" s="102"/>
      <c r="F71" s="104"/>
    </row>
    <row r="72" spans="1:6" s="4" customFormat="1" ht="24.95" customHeight="1" x14ac:dyDescent="0.25">
      <c r="A72" s="103"/>
      <c r="B72" s="182" t="s">
        <v>94</v>
      </c>
      <c r="C72" s="183"/>
      <c r="D72" s="184"/>
      <c r="E72" s="102"/>
      <c r="F72" s="104"/>
    </row>
    <row r="73" spans="1:6" s="4" customFormat="1" ht="24.95" customHeight="1" x14ac:dyDescent="0.25">
      <c r="A73" s="103"/>
      <c r="B73" s="182" t="s">
        <v>80</v>
      </c>
      <c r="C73" s="183"/>
      <c r="D73" s="184"/>
      <c r="E73" s="102"/>
      <c r="F73" s="104"/>
    </row>
    <row r="74" spans="1:6" s="4" customFormat="1" ht="30" customHeight="1" x14ac:dyDescent="0.25">
      <c r="A74" s="119" t="s">
        <v>49</v>
      </c>
      <c r="B74" s="187" t="s">
        <v>158</v>
      </c>
      <c r="C74" s="188"/>
      <c r="D74" s="189"/>
      <c r="E74" s="110"/>
      <c r="F74" s="111"/>
    </row>
    <row r="75" spans="1:6" s="4" customFormat="1" ht="24.95" customHeight="1" x14ac:dyDescent="0.25">
      <c r="A75" s="167" t="s">
        <v>55</v>
      </c>
      <c r="B75" s="168"/>
      <c r="C75" s="168"/>
      <c r="D75" s="168"/>
      <c r="E75" s="168"/>
      <c r="F75" s="169"/>
    </row>
    <row r="76" spans="1:6" s="4" customFormat="1" ht="24.95" customHeight="1" x14ac:dyDescent="0.25">
      <c r="A76" s="116" t="s">
        <v>50</v>
      </c>
      <c r="B76" s="190" t="s">
        <v>114</v>
      </c>
      <c r="C76" s="191"/>
      <c r="D76" s="192"/>
      <c r="E76" s="112"/>
      <c r="F76" s="54"/>
    </row>
    <row r="77" spans="1:6" s="4" customFormat="1" ht="24.95" customHeight="1" x14ac:dyDescent="0.25">
      <c r="A77" s="116" t="s">
        <v>51</v>
      </c>
      <c r="B77" s="182" t="s">
        <v>115</v>
      </c>
      <c r="C77" s="183"/>
      <c r="D77" s="184"/>
      <c r="E77" s="102"/>
      <c r="F77" s="104"/>
    </row>
    <row r="78" spans="1:6" s="4" customFormat="1" ht="24.95" customHeight="1" x14ac:dyDescent="0.25">
      <c r="A78" s="103" t="s">
        <v>156</v>
      </c>
      <c r="B78" s="182" t="s">
        <v>71</v>
      </c>
      <c r="C78" s="183"/>
      <c r="D78" s="184"/>
      <c r="E78" s="102"/>
      <c r="F78" s="104"/>
    </row>
    <row r="79" spans="1:6" s="4" customFormat="1" ht="24.95" customHeight="1" x14ac:dyDescent="0.25">
      <c r="A79" s="103"/>
      <c r="B79" s="182" t="s">
        <v>91</v>
      </c>
      <c r="C79" s="183"/>
      <c r="D79" s="184"/>
      <c r="E79" s="102"/>
      <c r="F79" s="104"/>
    </row>
    <row r="80" spans="1:6" s="4" customFormat="1" ht="24.95" customHeight="1" x14ac:dyDescent="0.25">
      <c r="A80" s="103"/>
      <c r="B80" s="182" t="s">
        <v>80</v>
      </c>
      <c r="C80" s="183"/>
      <c r="D80" s="184"/>
      <c r="E80" s="102"/>
      <c r="F80" s="104"/>
    </row>
    <row r="81" spans="1:6" s="4" customFormat="1" ht="24.95" customHeight="1" x14ac:dyDescent="0.25">
      <c r="A81" s="103"/>
      <c r="B81" s="182" t="s">
        <v>116</v>
      </c>
      <c r="C81" s="183"/>
      <c r="D81" s="184"/>
      <c r="E81" s="102"/>
      <c r="F81" s="104"/>
    </row>
    <row r="82" spans="1:6" s="4" customFormat="1" ht="24.95" customHeight="1" x14ac:dyDescent="0.25">
      <c r="A82" s="103" t="s">
        <v>117</v>
      </c>
      <c r="B82" s="182" t="s">
        <v>75</v>
      </c>
      <c r="C82" s="183"/>
      <c r="D82" s="184"/>
      <c r="E82" s="102"/>
      <c r="F82" s="104"/>
    </row>
    <row r="83" spans="1:6" s="4" customFormat="1" ht="24.95" customHeight="1" x14ac:dyDescent="0.25">
      <c r="A83" s="103"/>
      <c r="B83" s="182" t="s">
        <v>118</v>
      </c>
      <c r="C83" s="183"/>
      <c r="D83" s="184"/>
      <c r="E83" s="102"/>
      <c r="F83" s="104"/>
    </row>
    <row r="84" spans="1:6" s="4" customFormat="1" ht="24.95" customHeight="1" x14ac:dyDescent="0.25">
      <c r="A84" s="103"/>
      <c r="B84" s="182" t="s">
        <v>80</v>
      </c>
      <c r="C84" s="183"/>
      <c r="D84" s="184"/>
      <c r="E84" s="102"/>
      <c r="F84" s="104"/>
    </row>
    <row r="85" spans="1:6" s="4" customFormat="1" ht="24.95" customHeight="1" x14ac:dyDescent="0.25">
      <c r="A85" s="103"/>
      <c r="B85" s="182" t="s">
        <v>119</v>
      </c>
      <c r="C85" s="183"/>
      <c r="D85" s="184"/>
      <c r="E85" s="102"/>
      <c r="F85" s="104"/>
    </row>
    <row r="86" spans="1:6" s="4" customFormat="1" ht="24.95" customHeight="1" x14ac:dyDescent="0.25">
      <c r="A86" s="103" t="s">
        <v>120</v>
      </c>
      <c r="B86" s="182" t="s">
        <v>79</v>
      </c>
      <c r="C86" s="183"/>
      <c r="D86" s="184"/>
      <c r="E86" s="102"/>
      <c r="F86" s="104"/>
    </row>
    <row r="87" spans="1:6" s="4" customFormat="1" ht="24.95" customHeight="1" x14ac:dyDescent="0.25">
      <c r="A87" s="105"/>
      <c r="B87" s="182" t="s">
        <v>121</v>
      </c>
      <c r="C87" s="183"/>
      <c r="D87" s="184"/>
      <c r="E87" s="102"/>
      <c r="F87" s="104"/>
    </row>
    <row r="88" spans="1:6" s="4" customFormat="1" ht="24.95" customHeight="1" x14ac:dyDescent="0.25">
      <c r="A88" s="105"/>
      <c r="B88" s="182" t="s">
        <v>80</v>
      </c>
      <c r="C88" s="183"/>
      <c r="D88" s="184"/>
      <c r="E88" s="102"/>
      <c r="F88" s="104"/>
    </row>
    <row r="89" spans="1:6" s="4" customFormat="1" ht="24.95" customHeight="1" x14ac:dyDescent="0.25">
      <c r="A89" s="109"/>
      <c r="B89" s="187" t="s">
        <v>122</v>
      </c>
      <c r="C89" s="188"/>
      <c r="D89" s="189"/>
      <c r="E89" s="110"/>
      <c r="F89" s="111"/>
    </row>
    <row r="90" spans="1:6" s="4" customFormat="1" ht="24.95" customHeight="1" x14ac:dyDescent="0.25">
      <c r="A90" s="170" t="s">
        <v>56</v>
      </c>
      <c r="B90" s="171"/>
      <c r="C90" s="171"/>
      <c r="D90" s="171"/>
      <c r="E90" s="171"/>
      <c r="F90" s="172"/>
    </row>
    <row r="91" spans="1:6" s="4" customFormat="1" ht="24.95" customHeight="1" x14ac:dyDescent="0.25">
      <c r="A91" s="120" t="s">
        <v>123</v>
      </c>
      <c r="B91" s="179" t="s">
        <v>124</v>
      </c>
      <c r="C91" s="180"/>
      <c r="D91" s="181"/>
      <c r="E91" s="52"/>
      <c r="F91" s="53"/>
    </row>
    <row r="92" spans="1:6" s="4" customFormat="1" ht="24.95" customHeight="1" x14ac:dyDescent="0.25">
      <c r="A92" s="116" t="s">
        <v>125</v>
      </c>
      <c r="B92" s="182" t="s">
        <v>126</v>
      </c>
      <c r="C92" s="183"/>
      <c r="D92" s="184"/>
      <c r="E92" s="102"/>
      <c r="F92" s="104"/>
    </row>
    <row r="93" spans="1:6" s="4" customFormat="1" ht="24.95" customHeight="1" x14ac:dyDescent="0.25">
      <c r="A93" s="116" t="s">
        <v>127</v>
      </c>
      <c r="B93" s="182" t="s">
        <v>128</v>
      </c>
      <c r="C93" s="183"/>
      <c r="D93" s="184"/>
      <c r="E93" s="102"/>
      <c r="F93" s="104"/>
    </row>
    <row r="94" spans="1:6" s="4" customFormat="1" ht="24.95" customHeight="1" x14ac:dyDescent="0.25">
      <c r="A94" s="103" t="s">
        <v>129</v>
      </c>
      <c r="B94" s="182" t="s">
        <v>71</v>
      </c>
      <c r="C94" s="183"/>
      <c r="D94" s="184"/>
      <c r="E94" s="102"/>
      <c r="F94" s="104"/>
    </row>
    <row r="95" spans="1:6" s="4" customFormat="1" ht="24.95" customHeight="1" x14ac:dyDescent="0.25">
      <c r="A95" s="103"/>
      <c r="B95" s="182" t="s">
        <v>88</v>
      </c>
      <c r="C95" s="183"/>
      <c r="D95" s="184"/>
      <c r="E95" s="102"/>
      <c r="F95" s="104"/>
    </row>
    <row r="96" spans="1:6" s="4" customFormat="1" ht="24.95" customHeight="1" x14ac:dyDescent="0.25">
      <c r="A96" s="103"/>
      <c r="B96" s="182" t="s">
        <v>130</v>
      </c>
      <c r="C96" s="183"/>
      <c r="D96" s="184"/>
      <c r="E96" s="102"/>
      <c r="F96" s="104"/>
    </row>
    <row r="97" spans="1:6" s="4" customFormat="1" ht="24.95" customHeight="1" x14ac:dyDescent="0.25">
      <c r="A97" s="103" t="s">
        <v>131</v>
      </c>
      <c r="B97" s="182" t="s">
        <v>75</v>
      </c>
      <c r="C97" s="183"/>
      <c r="D97" s="184"/>
      <c r="E97" s="102"/>
      <c r="F97" s="104"/>
    </row>
    <row r="98" spans="1:6" s="4" customFormat="1" ht="24.95" customHeight="1" x14ac:dyDescent="0.25">
      <c r="A98" s="103"/>
      <c r="B98" s="182" t="s">
        <v>91</v>
      </c>
      <c r="C98" s="183"/>
      <c r="D98" s="184"/>
      <c r="E98" s="102"/>
      <c r="F98" s="104"/>
    </row>
    <row r="99" spans="1:6" s="4" customFormat="1" ht="24.95" customHeight="1" x14ac:dyDescent="0.25">
      <c r="A99" s="113"/>
      <c r="B99" s="187" t="s">
        <v>130</v>
      </c>
      <c r="C99" s="188"/>
      <c r="D99" s="189"/>
      <c r="E99" s="110"/>
      <c r="F99" s="111"/>
    </row>
    <row r="100" spans="1:6" s="4" customFormat="1" ht="24.95" customHeight="1" x14ac:dyDescent="0.25">
      <c r="A100" s="167" t="s">
        <v>155</v>
      </c>
      <c r="B100" s="168"/>
      <c r="C100" s="168"/>
      <c r="D100" s="168"/>
      <c r="E100" s="168"/>
      <c r="F100" s="168"/>
    </row>
    <row r="101" spans="1:6" s="4" customFormat="1" ht="24.95" customHeight="1" x14ac:dyDescent="0.25">
      <c r="A101" s="118" t="s">
        <v>132</v>
      </c>
      <c r="B101" s="190" t="s">
        <v>133</v>
      </c>
      <c r="C101" s="191"/>
      <c r="D101" s="192"/>
      <c r="E101" s="112"/>
      <c r="F101" s="54"/>
    </row>
    <row r="102" spans="1:6" s="4" customFormat="1" ht="24.95" customHeight="1" x14ac:dyDescent="0.25">
      <c r="A102" s="116" t="s">
        <v>134</v>
      </c>
      <c r="B102" s="182" t="s">
        <v>135</v>
      </c>
      <c r="C102" s="183"/>
      <c r="D102" s="184"/>
      <c r="E102" s="102"/>
      <c r="F102" s="104"/>
    </row>
    <row r="103" spans="1:6" s="4" customFormat="1" ht="24.95" customHeight="1" x14ac:dyDescent="0.25">
      <c r="A103" s="103" t="s">
        <v>136</v>
      </c>
      <c r="B103" s="182" t="s">
        <v>71</v>
      </c>
      <c r="C103" s="183"/>
      <c r="D103" s="184"/>
      <c r="E103" s="102"/>
      <c r="F103" s="104"/>
    </row>
    <row r="104" spans="1:6" s="4" customFormat="1" ht="24.95" customHeight="1" x14ac:dyDescent="0.25">
      <c r="A104" s="106"/>
      <c r="B104" s="182" t="s">
        <v>83</v>
      </c>
      <c r="C104" s="183"/>
      <c r="D104" s="184"/>
      <c r="E104" s="102"/>
      <c r="F104" s="104"/>
    </row>
    <row r="105" spans="1:6" s="4" customFormat="1" ht="24.95" customHeight="1" x14ac:dyDescent="0.25">
      <c r="A105" s="106"/>
      <c r="B105" s="182" t="s">
        <v>80</v>
      </c>
      <c r="C105" s="183"/>
      <c r="D105" s="184"/>
      <c r="E105" s="102"/>
      <c r="F105" s="104"/>
    </row>
    <row r="106" spans="1:6" s="4" customFormat="1" ht="24.95" customHeight="1" x14ac:dyDescent="0.25">
      <c r="A106" s="106"/>
      <c r="B106" s="182" t="s">
        <v>137</v>
      </c>
      <c r="C106" s="183"/>
      <c r="D106" s="184"/>
      <c r="E106" s="102"/>
      <c r="F106" s="104"/>
    </row>
    <row r="107" spans="1:6" s="4" customFormat="1" ht="24.95" customHeight="1" x14ac:dyDescent="0.25">
      <c r="A107" s="106" t="s">
        <v>138</v>
      </c>
      <c r="B107" s="182" t="s">
        <v>75</v>
      </c>
      <c r="C107" s="183"/>
      <c r="D107" s="184"/>
      <c r="E107" s="102"/>
      <c r="F107" s="104"/>
    </row>
    <row r="108" spans="1:6" s="4" customFormat="1" ht="24.95" customHeight="1" x14ac:dyDescent="0.25">
      <c r="A108" s="106"/>
      <c r="B108" s="193" t="s">
        <v>88</v>
      </c>
      <c r="C108" s="194"/>
      <c r="D108" s="195"/>
      <c r="E108" s="102"/>
      <c r="F108" s="104"/>
    </row>
    <row r="109" spans="1:6" s="4" customFormat="1" ht="24.95" customHeight="1" x14ac:dyDescent="0.25">
      <c r="A109" s="106"/>
      <c r="B109" s="193" t="s">
        <v>80</v>
      </c>
      <c r="C109" s="194"/>
      <c r="D109" s="195"/>
      <c r="E109" s="102"/>
      <c r="F109" s="104"/>
    </row>
    <row r="110" spans="1:6" s="4" customFormat="1" ht="24.95" customHeight="1" x14ac:dyDescent="0.25">
      <c r="A110" s="106"/>
      <c r="B110" s="182" t="s">
        <v>139</v>
      </c>
      <c r="C110" s="183"/>
      <c r="D110" s="184"/>
      <c r="E110" s="102"/>
      <c r="F110" s="104"/>
    </row>
    <row r="111" spans="1:6" s="4" customFormat="1" ht="24.95" customHeight="1" x14ac:dyDescent="0.25">
      <c r="A111" s="106" t="s">
        <v>140</v>
      </c>
      <c r="B111" s="193" t="s">
        <v>79</v>
      </c>
      <c r="C111" s="194"/>
      <c r="D111" s="195"/>
      <c r="E111" s="102"/>
      <c r="F111" s="104"/>
    </row>
    <row r="112" spans="1:6" s="4" customFormat="1" ht="24.95" customHeight="1" x14ac:dyDescent="0.25">
      <c r="A112" s="106"/>
      <c r="B112" s="182" t="s">
        <v>91</v>
      </c>
      <c r="C112" s="183"/>
      <c r="D112" s="184"/>
      <c r="E112" s="102"/>
      <c r="F112" s="104"/>
    </row>
    <row r="113" spans="1:6" s="4" customFormat="1" ht="24.95" customHeight="1" x14ac:dyDescent="0.25">
      <c r="A113" s="106"/>
      <c r="B113" s="182" t="s">
        <v>80</v>
      </c>
      <c r="C113" s="183"/>
      <c r="D113" s="184"/>
      <c r="E113" s="102"/>
      <c r="F113" s="104"/>
    </row>
    <row r="114" spans="1:6" s="4" customFormat="1" ht="24.95" customHeight="1" x14ac:dyDescent="0.25">
      <c r="A114" s="114"/>
      <c r="B114" s="187" t="s">
        <v>141</v>
      </c>
      <c r="C114" s="188"/>
      <c r="D114" s="189"/>
      <c r="E114" s="115"/>
      <c r="F114" s="111"/>
    </row>
    <row r="115" spans="1:6" s="4" customFormat="1" ht="24.95" customHeight="1" x14ac:dyDescent="0.25">
      <c r="A115" s="167" t="s">
        <v>58</v>
      </c>
      <c r="B115" s="168"/>
      <c r="C115" s="168"/>
      <c r="D115" s="168"/>
      <c r="E115" s="168"/>
      <c r="F115" s="169"/>
    </row>
    <row r="116" spans="1:6" s="4" customFormat="1" ht="24.95" customHeight="1" x14ac:dyDescent="0.25">
      <c r="A116" s="121" t="s">
        <v>142</v>
      </c>
      <c r="B116" s="179" t="s">
        <v>143</v>
      </c>
      <c r="C116" s="180"/>
      <c r="D116" s="181"/>
      <c r="E116" s="52"/>
      <c r="F116" s="53"/>
    </row>
    <row r="117" spans="1:6" s="4" customFormat="1" ht="24.95" customHeight="1" x14ac:dyDescent="0.25">
      <c r="A117" s="121" t="s">
        <v>144</v>
      </c>
      <c r="B117" s="182" t="s">
        <v>145</v>
      </c>
      <c r="C117" s="183"/>
      <c r="D117" s="184"/>
      <c r="E117" s="102"/>
      <c r="F117" s="104"/>
    </row>
    <row r="118" spans="1:6" s="4" customFormat="1" ht="24.95" customHeight="1" x14ac:dyDescent="0.25">
      <c r="A118" s="106" t="s">
        <v>146</v>
      </c>
      <c r="B118" s="182" t="s">
        <v>71</v>
      </c>
      <c r="C118" s="183"/>
      <c r="D118" s="184"/>
      <c r="E118" s="102"/>
      <c r="F118" s="104"/>
    </row>
    <row r="119" spans="1:6" s="4" customFormat="1" ht="24.95" customHeight="1" x14ac:dyDescent="0.25">
      <c r="A119" s="106"/>
      <c r="B119" s="193" t="s">
        <v>76</v>
      </c>
      <c r="C119" s="194"/>
      <c r="D119" s="195"/>
      <c r="E119" s="102"/>
      <c r="F119" s="104"/>
    </row>
    <row r="120" spans="1:6" s="4" customFormat="1" ht="24.95" customHeight="1" x14ac:dyDescent="0.25">
      <c r="A120" s="106"/>
      <c r="B120" s="182" t="s">
        <v>77</v>
      </c>
      <c r="C120" s="183"/>
      <c r="D120" s="184"/>
      <c r="E120" s="102"/>
      <c r="F120" s="104"/>
    </row>
    <row r="121" spans="1:6" s="4" customFormat="1" ht="24.95" customHeight="1" x14ac:dyDescent="0.25">
      <c r="A121" s="106"/>
      <c r="B121" s="193" t="s">
        <v>147</v>
      </c>
      <c r="C121" s="194"/>
      <c r="D121" s="195"/>
      <c r="E121" s="102"/>
      <c r="F121" s="104"/>
    </row>
    <row r="122" spans="1:6" s="4" customFormat="1" ht="24.95" customHeight="1" x14ac:dyDescent="0.25">
      <c r="A122" s="106" t="s">
        <v>148</v>
      </c>
      <c r="B122" s="182" t="s">
        <v>75</v>
      </c>
      <c r="C122" s="183"/>
      <c r="D122" s="184"/>
      <c r="E122" s="102"/>
      <c r="F122" s="104"/>
    </row>
    <row r="123" spans="1:6" s="4" customFormat="1" ht="24.95" customHeight="1" x14ac:dyDescent="0.25">
      <c r="A123" s="106"/>
      <c r="B123" s="182" t="s">
        <v>83</v>
      </c>
      <c r="C123" s="183"/>
      <c r="D123" s="184"/>
      <c r="E123" s="102"/>
      <c r="F123" s="104"/>
    </row>
    <row r="124" spans="1:6" s="4" customFormat="1" ht="24.95" customHeight="1" x14ac:dyDescent="0.25">
      <c r="A124" s="106"/>
      <c r="B124" s="182" t="s">
        <v>77</v>
      </c>
      <c r="C124" s="183"/>
      <c r="D124" s="184"/>
      <c r="E124" s="102"/>
      <c r="F124" s="104"/>
    </row>
    <row r="125" spans="1:6" s="4" customFormat="1" ht="24.95" customHeight="1" x14ac:dyDescent="0.25">
      <c r="A125" s="106"/>
      <c r="B125" s="193" t="s">
        <v>149</v>
      </c>
      <c r="C125" s="194"/>
      <c r="D125" s="195"/>
      <c r="E125" s="102"/>
      <c r="F125" s="104"/>
    </row>
    <row r="126" spans="1:6" s="4" customFormat="1" ht="24.95" customHeight="1" x14ac:dyDescent="0.25">
      <c r="A126" s="106" t="s">
        <v>150</v>
      </c>
      <c r="B126" s="193" t="s">
        <v>79</v>
      </c>
      <c r="C126" s="194"/>
      <c r="D126" s="195"/>
      <c r="E126" s="102"/>
      <c r="F126" s="104"/>
    </row>
    <row r="127" spans="1:6" s="4" customFormat="1" ht="24.95" customHeight="1" x14ac:dyDescent="0.25">
      <c r="A127" s="106"/>
      <c r="B127" s="193" t="s">
        <v>88</v>
      </c>
      <c r="C127" s="194"/>
      <c r="D127" s="195"/>
      <c r="E127" s="102"/>
      <c r="F127" s="104"/>
    </row>
    <row r="128" spans="1:6" s="4" customFormat="1" ht="24.95" customHeight="1" x14ac:dyDescent="0.25">
      <c r="A128" s="106"/>
      <c r="B128" s="193" t="s">
        <v>77</v>
      </c>
      <c r="C128" s="194"/>
      <c r="D128" s="195"/>
      <c r="E128" s="102"/>
      <c r="F128" s="104"/>
    </row>
    <row r="129" spans="1:13" s="4" customFormat="1" ht="24.95" customHeight="1" x14ac:dyDescent="0.25">
      <c r="A129" s="106"/>
      <c r="B129" s="193" t="s">
        <v>151</v>
      </c>
      <c r="C129" s="194"/>
      <c r="D129" s="195"/>
      <c r="E129" s="102"/>
      <c r="F129" s="104"/>
    </row>
    <row r="130" spans="1:13" s="4" customFormat="1" ht="24.95" customHeight="1" x14ac:dyDescent="0.25">
      <c r="A130" s="106" t="s">
        <v>152</v>
      </c>
      <c r="B130" s="193" t="s">
        <v>82</v>
      </c>
      <c r="C130" s="194"/>
      <c r="D130" s="195"/>
      <c r="E130" s="102"/>
      <c r="F130" s="104"/>
    </row>
    <row r="131" spans="1:13" s="4" customFormat="1" ht="24.95" customHeight="1" x14ac:dyDescent="0.25">
      <c r="A131" s="107"/>
      <c r="B131" s="193" t="s">
        <v>118</v>
      </c>
      <c r="C131" s="194"/>
      <c r="D131" s="195"/>
      <c r="E131" s="102"/>
      <c r="F131" s="104"/>
      <c r="J131" s="166"/>
      <c r="K131" s="166"/>
      <c r="L131" s="166"/>
      <c r="M131" s="166"/>
    </row>
    <row r="132" spans="1:13" s="4" customFormat="1" ht="24.95" customHeight="1" x14ac:dyDescent="0.25">
      <c r="A132" s="107"/>
      <c r="B132" s="193" t="s">
        <v>80</v>
      </c>
      <c r="C132" s="194"/>
      <c r="D132" s="195"/>
      <c r="E132" s="102"/>
      <c r="F132" s="104"/>
    </row>
    <row r="133" spans="1:13" s="4" customFormat="1" ht="24.95" customHeight="1" thickBot="1" x14ac:dyDescent="0.3">
      <c r="A133" s="108"/>
      <c r="B133" s="201" t="s">
        <v>153</v>
      </c>
      <c r="C133" s="202"/>
      <c r="D133" s="203"/>
      <c r="E133" s="55"/>
      <c r="F133" s="56"/>
    </row>
    <row r="135" spans="1:13" s="14" customFormat="1" ht="28.35" customHeight="1" x14ac:dyDescent="0.25">
      <c r="A135" s="178" t="s">
        <v>27</v>
      </c>
      <c r="B135" s="178"/>
      <c r="C135" s="178"/>
      <c r="D135" s="178"/>
      <c r="E135" s="178"/>
      <c r="F135" s="178"/>
      <c r="G135" s="178"/>
    </row>
    <row r="136" spans="1:13" ht="30" customHeight="1" x14ac:dyDescent="0.25">
      <c r="A136" s="174" t="s">
        <v>0</v>
      </c>
      <c r="B136" s="174"/>
      <c r="C136" s="174"/>
      <c r="D136" s="174"/>
      <c r="E136" s="177"/>
      <c r="F136" s="177"/>
    </row>
    <row r="137" spans="1:13" ht="15" customHeight="1" x14ac:dyDescent="0.25">
      <c r="A137" s="174" t="s">
        <v>1</v>
      </c>
      <c r="B137" s="174"/>
      <c r="C137" s="174"/>
      <c r="D137" s="174"/>
      <c r="E137" s="177"/>
      <c r="F137" s="177"/>
    </row>
    <row r="138" spans="1:13" ht="15" customHeight="1" x14ac:dyDescent="0.25">
      <c r="A138" s="174" t="s">
        <v>2</v>
      </c>
      <c r="B138" s="174"/>
      <c r="C138" s="174"/>
      <c r="D138" s="174"/>
      <c r="E138" s="177"/>
      <c r="F138" s="177"/>
    </row>
    <row r="139" spans="1:13" ht="15" customHeight="1" x14ac:dyDescent="0.25">
      <c r="A139" s="174" t="s">
        <v>3</v>
      </c>
      <c r="B139" s="174"/>
      <c r="C139" s="174"/>
      <c r="D139" s="174"/>
      <c r="E139" s="177"/>
      <c r="F139" s="177"/>
    </row>
    <row r="140" spans="1:13" s="12" customFormat="1" ht="30" customHeight="1" x14ac:dyDescent="0.25">
      <c r="A140" s="173" t="s">
        <v>16</v>
      </c>
      <c r="B140" s="173"/>
      <c r="C140" s="173"/>
      <c r="D140" s="173"/>
      <c r="E140" s="173"/>
      <c r="F140" s="173"/>
      <c r="G140" s="173"/>
    </row>
    <row r="141" spans="1:13" s="5" customFormat="1" ht="15.75" customHeight="1" x14ac:dyDescent="0.25">
      <c r="A141" s="174" t="s">
        <v>4</v>
      </c>
      <c r="B141" s="174"/>
      <c r="C141" s="174"/>
      <c r="D141" s="174"/>
      <c r="E141" s="175"/>
      <c r="F141" s="175"/>
      <c r="H141" s="3"/>
    </row>
    <row r="142" spans="1:13" s="5" customFormat="1" ht="15" customHeight="1" x14ac:dyDescent="0.25">
      <c r="A142" s="176" t="s">
        <v>17</v>
      </c>
      <c r="B142" s="176"/>
      <c r="C142" s="176"/>
      <c r="D142" s="176"/>
      <c r="E142" s="177"/>
      <c r="F142" s="177"/>
      <c r="H142" s="12"/>
    </row>
    <row r="143" spans="1:13" s="5" customFormat="1" ht="15" customHeight="1" x14ac:dyDescent="0.25">
      <c r="A143" s="174" t="s">
        <v>5</v>
      </c>
      <c r="B143" s="174"/>
      <c r="C143" s="174"/>
      <c r="D143" s="174"/>
      <c r="E143" s="177"/>
      <c r="F143" s="177"/>
      <c r="H143" s="12"/>
    </row>
    <row r="144" spans="1:13" s="5" customFormat="1" ht="15" customHeight="1" x14ac:dyDescent="0.25">
      <c r="A144" s="174" t="s">
        <v>6</v>
      </c>
      <c r="B144" s="174"/>
      <c r="C144" s="174"/>
      <c r="D144" s="174"/>
      <c r="E144" s="177"/>
      <c r="F144" s="177"/>
      <c r="H144" s="12"/>
    </row>
    <row r="146" spans="1:8" ht="15" customHeight="1" x14ac:dyDescent="0.25">
      <c r="A146" s="2" t="s">
        <v>7</v>
      </c>
      <c r="B146" s="160"/>
      <c r="C146" s="160"/>
      <c r="D146" s="160"/>
    </row>
    <row r="147" spans="1:8" ht="15" customHeight="1" x14ac:dyDescent="0.25">
      <c r="A147" s="2" t="s">
        <v>8</v>
      </c>
      <c r="B147" s="161"/>
      <c r="C147" s="161"/>
      <c r="D147" s="161"/>
      <c r="E147" s="50" t="s">
        <v>37</v>
      </c>
      <c r="G147" s="48"/>
    </row>
    <row r="148" spans="1:8" ht="15" customHeight="1" x14ac:dyDescent="0.25">
      <c r="E148" s="50" t="s">
        <v>38</v>
      </c>
      <c r="F148" s="162"/>
      <c r="G148" s="162"/>
    </row>
    <row r="149" spans="1:8" ht="15" customHeight="1" x14ac:dyDescent="0.25">
      <c r="F149" s="50"/>
    </row>
    <row r="150" spans="1:8" ht="9.75" customHeight="1" x14ac:dyDescent="0.25">
      <c r="F150" s="50"/>
    </row>
    <row r="151" spans="1:8" s="7" customFormat="1" ht="15" customHeight="1" x14ac:dyDescent="0.2">
      <c r="A151" s="163" t="s">
        <v>9</v>
      </c>
      <c r="B151" s="163"/>
      <c r="C151" s="163"/>
      <c r="D151" s="163"/>
      <c r="E151" s="88"/>
    </row>
    <row r="152" spans="1:8" s="8" customFormat="1" ht="15" customHeight="1" x14ac:dyDescent="0.2">
      <c r="A152" s="11"/>
      <c r="B152" s="164" t="s">
        <v>11</v>
      </c>
      <c r="C152" s="164"/>
      <c r="D152" s="164"/>
      <c r="G152" s="9"/>
      <c r="H152" s="10"/>
    </row>
  </sheetData>
  <mergeCells count="155">
    <mergeCell ref="E7:F7"/>
    <mergeCell ref="A9:F9"/>
    <mergeCell ref="B129:D129"/>
    <mergeCell ref="B130:D130"/>
    <mergeCell ref="B131:D131"/>
    <mergeCell ref="B132:D132"/>
    <mergeCell ref="B133:D133"/>
    <mergeCell ref="A7:D8"/>
    <mergeCell ref="B123:D123"/>
    <mergeCell ref="B124:D124"/>
    <mergeCell ref="B125:D125"/>
    <mergeCell ref="B126:D126"/>
    <mergeCell ref="B127:D127"/>
    <mergeCell ref="B128:D128"/>
    <mergeCell ref="B117:D117"/>
    <mergeCell ref="B118:D118"/>
    <mergeCell ref="B119:D119"/>
    <mergeCell ref="B120:D120"/>
    <mergeCell ref="B121:D121"/>
    <mergeCell ref="B122:D122"/>
    <mergeCell ref="B111:D111"/>
    <mergeCell ref="B112:D112"/>
    <mergeCell ref="B113:D113"/>
    <mergeCell ref="B114:D114"/>
    <mergeCell ref="B116:D116"/>
    <mergeCell ref="B105:D105"/>
    <mergeCell ref="B106:D106"/>
    <mergeCell ref="B107:D107"/>
    <mergeCell ref="B108:D108"/>
    <mergeCell ref="B109:D109"/>
    <mergeCell ref="B110:D110"/>
    <mergeCell ref="B99:D99"/>
    <mergeCell ref="B101:D101"/>
    <mergeCell ref="B102:D102"/>
    <mergeCell ref="B103:D103"/>
    <mergeCell ref="B104:D104"/>
    <mergeCell ref="A100:F100"/>
    <mergeCell ref="B93:D93"/>
    <mergeCell ref="B94:D94"/>
    <mergeCell ref="B95:D95"/>
    <mergeCell ref="B96:D96"/>
    <mergeCell ref="B97:D97"/>
    <mergeCell ref="B98:D98"/>
    <mergeCell ref="B87:D87"/>
    <mergeCell ref="B88:D88"/>
    <mergeCell ref="B89:D89"/>
    <mergeCell ref="B91:D91"/>
    <mergeCell ref="B92:D92"/>
    <mergeCell ref="B81:D81"/>
    <mergeCell ref="B82:D82"/>
    <mergeCell ref="B83:D83"/>
    <mergeCell ref="B84:D84"/>
    <mergeCell ref="B85:D85"/>
    <mergeCell ref="B86:D86"/>
    <mergeCell ref="B76:D76"/>
    <mergeCell ref="B77:D77"/>
    <mergeCell ref="B78:D78"/>
    <mergeCell ref="B79:D79"/>
    <mergeCell ref="B80:D80"/>
    <mergeCell ref="B69:D69"/>
    <mergeCell ref="B70:D70"/>
    <mergeCell ref="B71:D71"/>
    <mergeCell ref="B72:D72"/>
    <mergeCell ref="B73:D73"/>
    <mergeCell ref="B74:D74"/>
    <mergeCell ref="B63:D63"/>
    <mergeCell ref="B64:D64"/>
    <mergeCell ref="B65:D65"/>
    <mergeCell ref="B66:D66"/>
    <mergeCell ref="B67:D67"/>
    <mergeCell ref="B68:D68"/>
    <mergeCell ref="B57:D57"/>
    <mergeCell ref="B58:D58"/>
    <mergeCell ref="B59:D59"/>
    <mergeCell ref="B60:D60"/>
    <mergeCell ref="B61:D61"/>
    <mergeCell ref="B62:D62"/>
    <mergeCell ref="B51:D51"/>
    <mergeCell ref="B52:D52"/>
    <mergeCell ref="B53:D53"/>
    <mergeCell ref="B54:D54"/>
    <mergeCell ref="B55:D55"/>
    <mergeCell ref="B56:D56"/>
    <mergeCell ref="B47:D47"/>
    <mergeCell ref="B48:D48"/>
    <mergeCell ref="B49:D49"/>
    <mergeCell ref="B50:D50"/>
    <mergeCell ref="B39:D39"/>
    <mergeCell ref="B41:D41"/>
    <mergeCell ref="B42:D42"/>
    <mergeCell ref="B43:D43"/>
    <mergeCell ref="B44:D44"/>
    <mergeCell ref="A1:D1"/>
    <mergeCell ref="A2:D2"/>
    <mergeCell ref="A4:D4"/>
    <mergeCell ref="B21:D21"/>
    <mergeCell ref="B22:D22"/>
    <mergeCell ref="B23:D23"/>
    <mergeCell ref="B24:D24"/>
    <mergeCell ref="B25:D25"/>
    <mergeCell ref="B26:D26"/>
    <mergeCell ref="B15:D15"/>
    <mergeCell ref="B16:D16"/>
    <mergeCell ref="B17:D17"/>
    <mergeCell ref="B18:D18"/>
    <mergeCell ref="B19:D19"/>
    <mergeCell ref="B20:D20"/>
    <mergeCell ref="E137:F137"/>
    <mergeCell ref="A138:D138"/>
    <mergeCell ref="E138:F138"/>
    <mergeCell ref="A139:D139"/>
    <mergeCell ref="E139:F139"/>
    <mergeCell ref="B10:D10"/>
    <mergeCell ref="B11:D11"/>
    <mergeCell ref="B12:D12"/>
    <mergeCell ref="B13:D13"/>
    <mergeCell ref="B14:D14"/>
    <mergeCell ref="B33:D33"/>
    <mergeCell ref="B34:D34"/>
    <mergeCell ref="B35:D35"/>
    <mergeCell ref="B36:D36"/>
    <mergeCell ref="B37:D37"/>
    <mergeCell ref="B38:D38"/>
    <mergeCell ref="B27:D27"/>
    <mergeCell ref="B28:D28"/>
    <mergeCell ref="B29:D29"/>
    <mergeCell ref="B30:D30"/>
    <mergeCell ref="B31:D31"/>
    <mergeCell ref="B32:D32"/>
    <mergeCell ref="B45:D45"/>
    <mergeCell ref="B46:D46"/>
    <mergeCell ref="B146:D146"/>
    <mergeCell ref="B147:D147"/>
    <mergeCell ref="F148:G148"/>
    <mergeCell ref="A151:D151"/>
    <mergeCell ref="B152:D152"/>
    <mergeCell ref="A5:F5"/>
    <mergeCell ref="J131:M131"/>
    <mergeCell ref="A115:F115"/>
    <mergeCell ref="A90:F90"/>
    <mergeCell ref="A75:F75"/>
    <mergeCell ref="A40:F40"/>
    <mergeCell ref="A140:G140"/>
    <mergeCell ref="A141:D141"/>
    <mergeCell ref="E141:F141"/>
    <mergeCell ref="A142:D142"/>
    <mergeCell ref="E142:F142"/>
    <mergeCell ref="A143:D143"/>
    <mergeCell ref="E143:F143"/>
    <mergeCell ref="A144:D144"/>
    <mergeCell ref="E144:F144"/>
    <mergeCell ref="A135:G135"/>
    <mergeCell ref="A136:D136"/>
    <mergeCell ref="E136:F136"/>
    <mergeCell ref="A137:D137"/>
  </mergeCells>
  <conditionalFormatting sqref="F148:G148">
    <cfRule type="containsBlanks" dxfId="12" priority="1">
      <formula>LEN(TRIM(F148))=0</formula>
    </cfRule>
  </conditionalFormatting>
  <conditionalFormatting sqref="E136:F139">
    <cfRule type="containsBlanks" dxfId="11" priority="9">
      <formula>LEN(TRIM(E136))=0</formula>
    </cfRule>
  </conditionalFormatting>
  <conditionalFormatting sqref="E136:F139">
    <cfRule type="containsBlanks" dxfId="10" priority="8">
      <formula>LEN(TRIM(E136))=0</formula>
    </cfRule>
  </conditionalFormatting>
  <conditionalFormatting sqref="B146:D147">
    <cfRule type="containsBlanks" dxfId="9" priority="7">
      <formula>LEN(TRIM(B146))=0</formula>
    </cfRule>
  </conditionalFormatting>
  <conditionalFormatting sqref="E141:F141">
    <cfRule type="containsBlanks" dxfId="8" priority="6">
      <formula>LEN(TRIM(E141))=0</formula>
    </cfRule>
  </conditionalFormatting>
  <conditionalFormatting sqref="E142:F144">
    <cfRule type="containsBlanks" dxfId="7" priority="5">
      <formula>LEN(TRIM(E142))=0</formula>
    </cfRule>
  </conditionalFormatting>
  <conditionalFormatting sqref="E141:F144">
    <cfRule type="containsBlanks" dxfId="6" priority="4">
      <formula>LEN(TRIM(E141))=0</formula>
    </cfRule>
  </conditionalFormatting>
  <conditionalFormatting sqref="A152">
    <cfRule type="containsBlanks" dxfId="5" priority="3">
      <formula>LEN(TRIM(A152))=0</formula>
    </cfRule>
  </conditionalFormatting>
  <conditionalFormatting sqref="F148:G148">
    <cfRule type="containsBlanks" dxfId="4" priority="2">
      <formula>LEN(TRIM(F148))=0</formula>
    </cfRule>
  </conditionalFormatting>
  <pageMargins left="0.70866141732283472" right="0.70866141732283472" top="0.74803149606299213" bottom="0.74803149606299213" header="0.31496062992125984" footer="0.31496062992125984"/>
  <pageSetup paperSize="9" scale="63" fitToHeight="0" orientation="portrait" r:id="rId1"/>
  <headerFooter>
    <oddHeader>&amp;L&amp;"Times New Roman,Tučné"Príloha č. 1&amp;"-,Tučné"
&amp;"Times New Roman,Normálne"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R62"/>
  <sheetViews>
    <sheetView showGridLines="0" tabSelected="1" zoomScale="70" zoomScaleNormal="70" workbookViewId="0">
      <selection activeCell="K49" sqref="K49:K51"/>
    </sheetView>
  </sheetViews>
  <sheetFormatPr defaultRowHeight="15" x14ac:dyDescent="0.25"/>
  <cols>
    <col min="1" max="1" width="5.7109375" style="1" customWidth="1"/>
    <col min="2" max="3" width="25.7109375" style="1" customWidth="1"/>
    <col min="4" max="4" width="14.7109375" style="1" customWidth="1"/>
    <col min="5" max="6" width="12.7109375" style="1" customWidth="1"/>
    <col min="7" max="7" width="8.7109375" style="1" customWidth="1"/>
    <col min="8" max="8" width="12.7109375" style="1" customWidth="1"/>
    <col min="9" max="9" width="10.5703125" style="1" customWidth="1"/>
    <col min="10" max="10" width="12.7109375" style="1" customWidth="1"/>
    <col min="11" max="11" width="17.5703125" style="1" customWidth="1"/>
    <col min="12" max="70" width="9.140625" style="43"/>
    <col min="71" max="16384" width="9.140625" style="1"/>
  </cols>
  <sheetData>
    <row r="1" spans="1:70" s="23" customFormat="1" ht="15" customHeight="1" x14ac:dyDescent="0.25">
      <c r="A1" s="234" t="s">
        <v>10</v>
      </c>
      <c r="B1" s="234"/>
      <c r="C1" s="57"/>
      <c r="D1" s="57"/>
      <c r="E1" s="15"/>
      <c r="F1" s="15"/>
      <c r="G1" s="15"/>
      <c r="H1" s="15"/>
      <c r="I1" s="15"/>
      <c r="J1" s="15"/>
      <c r="K1" s="15"/>
      <c r="L1" s="22"/>
      <c r="M1" s="22"/>
      <c r="N1" s="22"/>
      <c r="O1" s="22"/>
      <c r="P1" s="22"/>
      <c r="Q1" s="22"/>
      <c r="R1" s="22"/>
      <c r="S1" s="22"/>
      <c r="T1" s="22"/>
      <c r="U1" s="22"/>
      <c r="V1" s="22"/>
      <c r="W1" s="22"/>
      <c r="X1" s="22"/>
      <c r="Y1" s="22"/>
      <c r="Z1" s="22"/>
      <c r="AA1" s="22"/>
      <c r="AB1" s="22"/>
      <c r="AC1" s="22"/>
      <c r="AD1" s="22"/>
      <c r="AE1" s="22"/>
      <c r="AF1" s="22"/>
      <c r="AG1" s="22"/>
      <c r="AH1" s="22"/>
      <c r="AI1" s="22"/>
      <c r="AJ1" s="22"/>
      <c r="AK1" s="22"/>
      <c r="AL1" s="22"/>
      <c r="AM1" s="22"/>
      <c r="AN1" s="22"/>
      <c r="AO1" s="22"/>
      <c r="AP1" s="22"/>
      <c r="AQ1" s="22"/>
      <c r="AR1" s="22"/>
      <c r="AS1" s="22"/>
      <c r="AT1" s="22"/>
      <c r="AU1" s="22"/>
      <c r="AV1" s="22"/>
      <c r="AW1" s="22"/>
      <c r="AX1" s="22"/>
      <c r="AY1" s="22"/>
      <c r="AZ1" s="22"/>
      <c r="BA1" s="22"/>
      <c r="BB1" s="22"/>
      <c r="BC1" s="22"/>
      <c r="BD1" s="22"/>
      <c r="BE1" s="22"/>
      <c r="BF1" s="22"/>
      <c r="BG1" s="22"/>
      <c r="BH1" s="22"/>
      <c r="BI1" s="22"/>
      <c r="BJ1" s="22"/>
      <c r="BK1" s="22"/>
      <c r="BL1" s="22"/>
      <c r="BM1" s="22"/>
      <c r="BN1" s="22"/>
      <c r="BO1" s="22"/>
      <c r="BP1" s="22"/>
      <c r="BQ1" s="22"/>
      <c r="BR1" s="22"/>
    </row>
    <row r="2" spans="1:70" s="25" customFormat="1" ht="14.25" x14ac:dyDescent="0.2">
      <c r="A2" s="235" t="s">
        <v>52</v>
      </c>
      <c r="B2" s="235"/>
      <c r="C2" s="235"/>
      <c r="D2" s="235"/>
      <c r="E2" s="235"/>
      <c r="F2" s="235"/>
      <c r="G2" s="235"/>
      <c r="H2" s="235"/>
      <c r="I2" s="235"/>
      <c r="J2" s="235"/>
      <c r="K2" s="235"/>
      <c r="L2" s="24"/>
      <c r="M2" s="24"/>
      <c r="N2" s="24"/>
      <c r="O2" s="24"/>
      <c r="P2" s="24"/>
      <c r="Q2" s="24"/>
      <c r="R2" s="24"/>
      <c r="S2" s="24"/>
      <c r="T2" s="24"/>
      <c r="U2" s="24"/>
      <c r="V2" s="24"/>
      <c r="W2" s="24"/>
      <c r="X2" s="24"/>
      <c r="Y2" s="24"/>
      <c r="Z2" s="24"/>
      <c r="AA2" s="24"/>
      <c r="AB2" s="24"/>
      <c r="AC2" s="24"/>
      <c r="AD2" s="24"/>
      <c r="AE2" s="24"/>
      <c r="AF2" s="24"/>
      <c r="AG2" s="24"/>
      <c r="AH2" s="24"/>
      <c r="AI2" s="24"/>
      <c r="AJ2" s="24"/>
      <c r="AK2" s="24"/>
      <c r="AL2" s="24"/>
      <c r="AM2" s="24"/>
      <c r="AN2" s="24"/>
      <c r="AO2" s="24"/>
      <c r="AP2" s="24"/>
      <c r="AQ2" s="24"/>
      <c r="AR2" s="24"/>
      <c r="AS2" s="24"/>
      <c r="AT2" s="24"/>
      <c r="AU2" s="24"/>
      <c r="AV2" s="24"/>
      <c r="AW2" s="24"/>
      <c r="AX2" s="24"/>
      <c r="AY2" s="24"/>
      <c r="AZ2" s="24"/>
      <c r="BA2" s="24"/>
      <c r="BB2" s="24"/>
      <c r="BC2" s="24"/>
      <c r="BD2" s="24"/>
      <c r="BE2" s="24"/>
      <c r="BF2" s="24"/>
      <c r="BG2" s="24"/>
      <c r="BH2" s="24"/>
      <c r="BI2" s="24"/>
      <c r="BJ2" s="24"/>
      <c r="BK2" s="24"/>
      <c r="BL2" s="24"/>
      <c r="BM2" s="24"/>
      <c r="BN2" s="24"/>
      <c r="BO2" s="24"/>
      <c r="BP2" s="24"/>
      <c r="BQ2" s="24"/>
      <c r="BR2" s="24"/>
    </row>
    <row r="3" spans="1:70" s="15" customFormat="1" ht="15" customHeight="1" x14ac:dyDescent="0.25">
      <c r="A3" s="236"/>
      <c r="B3" s="236"/>
      <c r="C3" s="236"/>
      <c r="D3" s="236"/>
      <c r="E3" s="236"/>
      <c r="F3" s="58"/>
      <c r="G3" s="58"/>
    </row>
    <row r="4" spans="1:70" s="27" customFormat="1" ht="30" customHeight="1" x14ac:dyDescent="0.25">
      <c r="A4" s="237" t="s">
        <v>31</v>
      </c>
      <c r="B4" s="237"/>
      <c r="C4" s="237"/>
      <c r="D4" s="237"/>
      <c r="E4" s="237"/>
      <c r="F4" s="237"/>
      <c r="G4" s="237"/>
      <c r="H4" s="237"/>
      <c r="I4" s="237"/>
      <c r="J4" s="237"/>
      <c r="K4" s="23"/>
      <c r="L4" s="26"/>
      <c r="M4" s="26"/>
      <c r="N4" s="26"/>
      <c r="O4" s="26"/>
      <c r="P4" s="26"/>
      <c r="Q4" s="26"/>
      <c r="R4" s="26"/>
      <c r="S4" s="26"/>
      <c r="T4" s="26"/>
      <c r="U4" s="26"/>
      <c r="V4" s="26"/>
      <c r="W4" s="26"/>
      <c r="X4" s="26"/>
      <c r="Y4" s="26"/>
      <c r="Z4" s="26"/>
      <c r="AA4" s="26"/>
      <c r="AB4" s="26"/>
      <c r="AC4" s="26"/>
      <c r="AD4" s="26"/>
      <c r="AE4" s="26"/>
      <c r="AF4" s="26"/>
      <c r="AG4" s="26"/>
      <c r="AH4" s="26"/>
      <c r="AI4" s="26"/>
      <c r="AJ4" s="26"/>
      <c r="AK4" s="26"/>
      <c r="AL4" s="26"/>
      <c r="AM4" s="26"/>
      <c r="AN4" s="26"/>
      <c r="AO4" s="26"/>
      <c r="AP4" s="26"/>
      <c r="AQ4" s="26"/>
      <c r="AR4" s="26"/>
      <c r="AS4" s="26"/>
      <c r="AT4" s="26"/>
      <c r="AU4" s="26"/>
      <c r="AV4" s="26"/>
      <c r="AW4" s="26"/>
      <c r="AX4" s="26"/>
      <c r="AY4" s="26"/>
      <c r="AZ4" s="26"/>
      <c r="BA4" s="26"/>
      <c r="BB4" s="26"/>
      <c r="BC4" s="26"/>
      <c r="BD4" s="26"/>
      <c r="BE4" s="26"/>
      <c r="BF4" s="26"/>
      <c r="BG4" s="26"/>
      <c r="BH4" s="26"/>
      <c r="BI4" s="26"/>
      <c r="BJ4" s="26"/>
      <c r="BK4" s="26"/>
      <c r="BL4" s="26"/>
      <c r="BM4" s="26"/>
      <c r="BN4" s="26"/>
      <c r="BO4" s="26"/>
      <c r="BP4" s="26"/>
      <c r="BQ4" s="26"/>
      <c r="BR4" s="26"/>
    </row>
    <row r="5" spans="1:70" s="59" customFormat="1" ht="30" customHeight="1" thickBot="1" x14ac:dyDescent="0.3">
      <c r="A5" s="238" t="s">
        <v>53</v>
      </c>
      <c r="B5" s="238"/>
      <c r="C5" s="238"/>
      <c r="D5" s="238"/>
      <c r="E5" s="238"/>
      <c r="F5" s="238"/>
      <c r="G5" s="238"/>
      <c r="H5" s="238"/>
      <c r="I5" s="238"/>
      <c r="J5" s="238"/>
    </row>
    <row r="6" spans="1:70" s="44" customFormat="1" ht="27" customHeight="1" x14ac:dyDescent="0.25">
      <c r="A6" s="223" t="s">
        <v>19</v>
      </c>
      <c r="B6" s="225" t="s">
        <v>32</v>
      </c>
      <c r="C6" s="227" t="s">
        <v>33</v>
      </c>
      <c r="D6" s="229" t="s">
        <v>28</v>
      </c>
      <c r="E6" s="213" t="s">
        <v>34</v>
      </c>
      <c r="F6" s="231" t="s">
        <v>35</v>
      </c>
      <c r="G6" s="213" t="s">
        <v>36</v>
      </c>
      <c r="H6" s="215" t="s">
        <v>45</v>
      </c>
      <c r="I6" s="215"/>
      <c r="J6" s="215"/>
      <c r="K6" s="216" t="s">
        <v>171</v>
      </c>
    </row>
    <row r="7" spans="1:70" s="44" customFormat="1" ht="48.75" customHeight="1" x14ac:dyDescent="0.25">
      <c r="A7" s="224"/>
      <c r="B7" s="226"/>
      <c r="C7" s="228"/>
      <c r="D7" s="230"/>
      <c r="E7" s="214"/>
      <c r="F7" s="232"/>
      <c r="G7" s="214"/>
      <c r="H7" s="60" t="s">
        <v>25</v>
      </c>
      <c r="I7" s="61" t="s">
        <v>46</v>
      </c>
      <c r="J7" s="62" t="s">
        <v>26</v>
      </c>
      <c r="K7" s="217"/>
    </row>
    <row r="8" spans="1:70" s="99" customFormat="1" ht="12" customHeight="1" x14ac:dyDescent="0.25">
      <c r="A8" s="90" t="s">
        <v>12</v>
      </c>
      <c r="B8" s="91" t="s">
        <v>13</v>
      </c>
      <c r="C8" s="91" t="s">
        <v>14</v>
      </c>
      <c r="D8" s="92" t="s">
        <v>15</v>
      </c>
      <c r="E8" s="93" t="s">
        <v>20</v>
      </c>
      <c r="F8" s="92" t="s">
        <v>21</v>
      </c>
      <c r="G8" s="94" t="s">
        <v>22</v>
      </c>
      <c r="H8" s="95" t="s">
        <v>23</v>
      </c>
      <c r="I8" s="96" t="s">
        <v>24</v>
      </c>
      <c r="J8" s="97" t="s">
        <v>29</v>
      </c>
      <c r="K8" s="98" t="s">
        <v>30</v>
      </c>
    </row>
    <row r="9" spans="1:70" s="32" customFormat="1" ht="24.95" customHeight="1" x14ac:dyDescent="0.25">
      <c r="A9" s="29"/>
      <c r="B9" s="30"/>
      <c r="C9" s="31"/>
      <c r="D9" s="73"/>
      <c r="E9" s="45"/>
      <c r="F9" s="74"/>
      <c r="G9" s="45"/>
      <c r="H9" s="75"/>
      <c r="I9" s="76"/>
      <c r="J9" s="77"/>
      <c r="K9" s="218">
        <v>404</v>
      </c>
    </row>
    <row r="10" spans="1:70" s="32" customFormat="1" ht="24.95" customHeight="1" x14ac:dyDescent="0.25">
      <c r="A10" s="33"/>
      <c r="B10" s="34"/>
      <c r="C10" s="35"/>
      <c r="D10" s="78"/>
      <c r="E10" s="46"/>
      <c r="F10" s="79"/>
      <c r="G10" s="46"/>
      <c r="H10" s="80"/>
      <c r="I10" s="81"/>
      <c r="J10" s="82"/>
      <c r="K10" s="219"/>
    </row>
    <row r="11" spans="1:70" s="32" customFormat="1" ht="24.95" customHeight="1" thickBot="1" x14ac:dyDescent="0.3">
      <c r="A11" s="36"/>
      <c r="B11" s="37"/>
      <c r="C11" s="38"/>
      <c r="D11" s="83"/>
      <c r="E11" s="47"/>
      <c r="F11" s="84"/>
      <c r="G11" s="47"/>
      <c r="H11" s="85"/>
      <c r="I11" s="86"/>
      <c r="J11" s="87"/>
      <c r="K11" s="220"/>
    </row>
    <row r="12" spans="1:70" s="32" customFormat="1" ht="12" customHeight="1" x14ac:dyDescent="0.25">
      <c r="A12" s="39"/>
      <c r="B12" s="40"/>
      <c r="C12" s="40"/>
      <c r="D12" s="39"/>
      <c r="E12" s="39"/>
      <c r="F12" s="39"/>
      <c r="G12" s="39"/>
      <c r="H12" s="41"/>
      <c r="I12" s="42"/>
      <c r="J12" s="41"/>
    </row>
    <row r="13" spans="1:70" s="28" customFormat="1" ht="30" customHeight="1" thickBot="1" x14ac:dyDescent="0.3">
      <c r="A13" s="233" t="s">
        <v>54</v>
      </c>
      <c r="B13" s="233"/>
      <c r="C13" s="233"/>
      <c r="D13" s="233"/>
      <c r="E13" s="233"/>
      <c r="F13" s="233"/>
      <c r="G13" s="233"/>
      <c r="H13" s="233"/>
      <c r="I13" s="233"/>
      <c r="J13" s="233"/>
    </row>
    <row r="14" spans="1:70" s="44" customFormat="1" ht="27" customHeight="1" x14ac:dyDescent="0.25">
      <c r="A14" s="223" t="s">
        <v>19</v>
      </c>
      <c r="B14" s="225" t="s">
        <v>32</v>
      </c>
      <c r="C14" s="227" t="s">
        <v>33</v>
      </c>
      <c r="D14" s="229" t="s">
        <v>28</v>
      </c>
      <c r="E14" s="213" t="s">
        <v>34</v>
      </c>
      <c r="F14" s="231" t="s">
        <v>35</v>
      </c>
      <c r="G14" s="213" t="s">
        <v>36</v>
      </c>
      <c r="H14" s="215" t="s">
        <v>45</v>
      </c>
      <c r="I14" s="215"/>
      <c r="J14" s="215"/>
      <c r="K14" s="216" t="s">
        <v>171</v>
      </c>
    </row>
    <row r="15" spans="1:70" s="44" customFormat="1" ht="48.75" customHeight="1" x14ac:dyDescent="0.25">
      <c r="A15" s="224"/>
      <c r="B15" s="226"/>
      <c r="C15" s="228"/>
      <c r="D15" s="230"/>
      <c r="E15" s="214"/>
      <c r="F15" s="232"/>
      <c r="G15" s="214"/>
      <c r="H15" s="60" t="s">
        <v>25</v>
      </c>
      <c r="I15" s="61" t="s">
        <v>46</v>
      </c>
      <c r="J15" s="62" t="s">
        <v>26</v>
      </c>
      <c r="K15" s="217"/>
    </row>
    <row r="16" spans="1:70" s="99" customFormat="1" ht="12" customHeight="1" x14ac:dyDescent="0.25">
      <c r="A16" s="90" t="s">
        <v>12</v>
      </c>
      <c r="B16" s="91" t="s">
        <v>13</v>
      </c>
      <c r="C16" s="91" t="s">
        <v>14</v>
      </c>
      <c r="D16" s="92" t="s">
        <v>15</v>
      </c>
      <c r="E16" s="93" t="s">
        <v>20</v>
      </c>
      <c r="F16" s="92" t="s">
        <v>21</v>
      </c>
      <c r="G16" s="94" t="s">
        <v>22</v>
      </c>
      <c r="H16" s="95" t="s">
        <v>23</v>
      </c>
      <c r="I16" s="96" t="s">
        <v>24</v>
      </c>
      <c r="J16" s="97" t="s">
        <v>29</v>
      </c>
      <c r="K16" s="98" t="s">
        <v>30</v>
      </c>
    </row>
    <row r="17" spans="1:11" s="32" customFormat="1" ht="24.95" customHeight="1" x14ac:dyDescent="0.25">
      <c r="A17" s="29"/>
      <c r="B17" s="30"/>
      <c r="C17" s="31"/>
      <c r="D17" s="73"/>
      <c r="E17" s="45"/>
      <c r="F17" s="74"/>
      <c r="G17" s="45"/>
      <c r="H17" s="75"/>
      <c r="I17" s="76"/>
      <c r="J17" s="77"/>
      <c r="K17" s="218">
        <v>3</v>
      </c>
    </row>
    <row r="18" spans="1:11" s="32" customFormat="1" ht="24.95" customHeight="1" x14ac:dyDescent="0.25">
      <c r="A18" s="33"/>
      <c r="B18" s="34"/>
      <c r="C18" s="35"/>
      <c r="D18" s="78"/>
      <c r="E18" s="46"/>
      <c r="F18" s="79"/>
      <c r="G18" s="46"/>
      <c r="H18" s="80"/>
      <c r="I18" s="81"/>
      <c r="J18" s="82"/>
      <c r="K18" s="219"/>
    </row>
    <row r="19" spans="1:11" s="32" customFormat="1" ht="24.95" customHeight="1" thickBot="1" x14ac:dyDescent="0.3">
      <c r="A19" s="36"/>
      <c r="B19" s="37"/>
      <c r="C19" s="38"/>
      <c r="D19" s="83"/>
      <c r="E19" s="47"/>
      <c r="F19" s="84"/>
      <c r="G19" s="47"/>
      <c r="H19" s="85"/>
      <c r="I19" s="86"/>
      <c r="J19" s="87"/>
      <c r="K19" s="220"/>
    </row>
    <row r="20" spans="1:11" s="32" customFormat="1" ht="12" customHeight="1" x14ac:dyDescent="0.25">
      <c r="A20" s="39"/>
      <c r="B20" s="40"/>
      <c r="C20" s="40"/>
      <c r="D20" s="39"/>
      <c r="E20" s="39"/>
      <c r="F20" s="39"/>
      <c r="G20" s="39"/>
      <c r="H20" s="41"/>
      <c r="I20" s="42"/>
      <c r="J20" s="41"/>
    </row>
    <row r="21" spans="1:11" s="28" customFormat="1" ht="30" customHeight="1" thickBot="1" x14ac:dyDescent="0.3">
      <c r="A21" s="233" t="s">
        <v>55</v>
      </c>
      <c r="B21" s="233"/>
      <c r="C21" s="233"/>
      <c r="D21" s="233"/>
      <c r="E21" s="233"/>
      <c r="F21" s="233"/>
      <c r="G21" s="233"/>
      <c r="H21" s="233"/>
      <c r="I21" s="233"/>
      <c r="J21" s="233"/>
    </row>
    <row r="22" spans="1:11" s="44" customFormat="1" ht="27" customHeight="1" x14ac:dyDescent="0.25">
      <c r="A22" s="223" t="s">
        <v>19</v>
      </c>
      <c r="B22" s="225" t="s">
        <v>32</v>
      </c>
      <c r="C22" s="227" t="s">
        <v>33</v>
      </c>
      <c r="D22" s="229" t="s">
        <v>28</v>
      </c>
      <c r="E22" s="213" t="s">
        <v>34</v>
      </c>
      <c r="F22" s="231" t="s">
        <v>35</v>
      </c>
      <c r="G22" s="213" t="s">
        <v>36</v>
      </c>
      <c r="H22" s="215" t="s">
        <v>45</v>
      </c>
      <c r="I22" s="215"/>
      <c r="J22" s="215"/>
      <c r="K22" s="216" t="s">
        <v>171</v>
      </c>
    </row>
    <row r="23" spans="1:11" s="44" customFormat="1" ht="48.75" customHeight="1" x14ac:dyDescent="0.25">
      <c r="A23" s="224"/>
      <c r="B23" s="226"/>
      <c r="C23" s="228"/>
      <c r="D23" s="230"/>
      <c r="E23" s="214"/>
      <c r="F23" s="232"/>
      <c r="G23" s="214"/>
      <c r="H23" s="60" t="s">
        <v>25</v>
      </c>
      <c r="I23" s="61" t="s">
        <v>46</v>
      </c>
      <c r="J23" s="62" t="s">
        <v>26</v>
      </c>
      <c r="K23" s="217"/>
    </row>
    <row r="24" spans="1:11" s="72" customFormat="1" ht="12" customHeight="1" x14ac:dyDescent="0.25">
      <c r="A24" s="63" t="s">
        <v>12</v>
      </c>
      <c r="B24" s="64" t="s">
        <v>13</v>
      </c>
      <c r="C24" s="64" t="s">
        <v>14</v>
      </c>
      <c r="D24" s="65" t="s">
        <v>15</v>
      </c>
      <c r="E24" s="66" t="s">
        <v>20</v>
      </c>
      <c r="F24" s="65" t="s">
        <v>21</v>
      </c>
      <c r="G24" s="67" t="s">
        <v>22</v>
      </c>
      <c r="H24" s="68" t="s">
        <v>23</v>
      </c>
      <c r="I24" s="69" t="s">
        <v>24</v>
      </c>
      <c r="J24" s="70" t="s">
        <v>29</v>
      </c>
      <c r="K24" s="71" t="s">
        <v>30</v>
      </c>
    </row>
    <row r="25" spans="1:11" s="32" customFormat="1" ht="24.95" customHeight="1" x14ac:dyDescent="0.25">
      <c r="A25" s="29"/>
      <c r="B25" s="30"/>
      <c r="C25" s="31"/>
      <c r="D25" s="73"/>
      <c r="E25" s="45"/>
      <c r="F25" s="74"/>
      <c r="G25" s="45"/>
      <c r="H25" s="75"/>
      <c r="I25" s="76"/>
      <c r="J25" s="77"/>
      <c r="K25" s="218">
        <v>2</v>
      </c>
    </row>
    <row r="26" spans="1:11" s="32" customFormat="1" ht="24.95" customHeight="1" x14ac:dyDescent="0.25">
      <c r="A26" s="33"/>
      <c r="B26" s="34"/>
      <c r="C26" s="35"/>
      <c r="D26" s="78"/>
      <c r="E26" s="46"/>
      <c r="F26" s="79"/>
      <c r="G26" s="46"/>
      <c r="H26" s="80"/>
      <c r="I26" s="81"/>
      <c r="J26" s="82"/>
      <c r="K26" s="219"/>
    </row>
    <row r="27" spans="1:11" s="32" customFormat="1" ht="24.95" customHeight="1" thickBot="1" x14ac:dyDescent="0.3">
      <c r="A27" s="36"/>
      <c r="B27" s="37"/>
      <c r="C27" s="38"/>
      <c r="D27" s="83"/>
      <c r="E27" s="47"/>
      <c r="F27" s="84"/>
      <c r="G27" s="47"/>
      <c r="H27" s="85"/>
      <c r="I27" s="86"/>
      <c r="J27" s="87"/>
      <c r="K27" s="220"/>
    </row>
    <row r="28" spans="1:11" s="32" customFormat="1" ht="12" customHeight="1" x14ac:dyDescent="0.25">
      <c r="A28" s="39"/>
      <c r="B28" s="40"/>
      <c r="C28" s="40"/>
      <c r="D28" s="39"/>
      <c r="E28" s="39"/>
      <c r="F28" s="39"/>
      <c r="G28" s="39"/>
      <c r="H28" s="41"/>
      <c r="I28" s="42"/>
      <c r="J28" s="41"/>
    </row>
    <row r="29" spans="1:11" s="28" customFormat="1" ht="30" customHeight="1" thickBot="1" x14ac:dyDescent="0.3">
      <c r="A29" s="233" t="s">
        <v>56</v>
      </c>
      <c r="B29" s="233"/>
      <c r="C29" s="233"/>
      <c r="D29" s="233"/>
      <c r="E29" s="233"/>
      <c r="F29" s="233"/>
      <c r="G29" s="233"/>
      <c r="H29" s="233"/>
      <c r="I29" s="233"/>
      <c r="J29" s="233"/>
    </row>
    <row r="30" spans="1:11" s="44" customFormat="1" ht="27" customHeight="1" x14ac:dyDescent="0.25">
      <c r="A30" s="223" t="s">
        <v>19</v>
      </c>
      <c r="B30" s="225" t="s">
        <v>32</v>
      </c>
      <c r="C30" s="227" t="s">
        <v>33</v>
      </c>
      <c r="D30" s="229" t="s">
        <v>28</v>
      </c>
      <c r="E30" s="213" t="s">
        <v>34</v>
      </c>
      <c r="F30" s="231" t="s">
        <v>35</v>
      </c>
      <c r="G30" s="213" t="s">
        <v>36</v>
      </c>
      <c r="H30" s="215" t="s">
        <v>45</v>
      </c>
      <c r="I30" s="215"/>
      <c r="J30" s="215"/>
      <c r="K30" s="216" t="s">
        <v>171</v>
      </c>
    </row>
    <row r="31" spans="1:11" s="44" customFormat="1" ht="48.75" customHeight="1" x14ac:dyDescent="0.25">
      <c r="A31" s="224"/>
      <c r="B31" s="226"/>
      <c r="C31" s="228"/>
      <c r="D31" s="230"/>
      <c r="E31" s="214"/>
      <c r="F31" s="232"/>
      <c r="G31" s="214"/>
      <c r="H31" s="60" t="s">
        <v>25</v>
      </c>
      <c r="I31" s="61" t="s">
        <v>46</v>
      </c>
      <c r="J31" s="62" t="s">
        <v>26</v>
      </c>
      <c r="K31" s="217"/>
    </row>
    <row r="32" spans="1:11" s="99" customFormat="1" ht="12" customHeight="1" x14ac:dyDescent="0.25">
      <c r="A32" s="90" t="s">
        <v>12</v>
      </c>
      <c r="B32" s="91" t="s">
        <v>13</v>
      </c>
      <c r="C32" s="91" t="s">
        <v>14</v>
      </c>
      <c r="D32" s="92" t="s">
        <v>15</v>
      </c>
      <c r="E32" s="93" t="s">
        <v>20</v>
      </c>
      <c r="F32" s="92" t="s">
        <v>21</v>
      </c>
      <c r="G32" s="94" t="s">
        <v>22</v>
      </c>
      <c r="H32" s="95" t="s">
        <v>23</v>
      </c>
      <c r="I32" s="96" t="s">
        <v>24</v>
      </c>
      <c r="J32" s="97" t="s">
        <v>29</v>
      </c>
      <c r="K32" s="98" t="s">
        <v>30</v>
      </c>
    </row>
    <row r="33" spans="1:11" s="32" customFormat="1" ht="24.95" customHeight="1" x14ac:dyDescent="0.25">
      <c r="A33" s="29"/>
      <c r="B33" s="30"/>
      <c r="C33" s="31"/>
      <c r="D33" s="73"/>
      <c r="E33" s="45"/>
      <c r="F33" s="74"/>
      <c r="G33" s="45"/>
      <c r="H33" s="75"/>
      <c r="I33" s="76"/>
      <c r="J33" s="77"/>
      <c r="K33" s="218">
        <v>3</v>
      </c>
    </row>
    <row r="34" spans="1:11" s="32" customFormat="1" ht="24.95" customHeight="1" x14ac:dyDescent="0.25">
      <c r="A34" s="33"/>
      <c r="B34" s="34"/>
      <c r="C34" s="35"/>
      <c r="D34" s="78"/>
      <c r="E34" s="46"/>
      <c r="F34" s="79"/>
      <c r="G34" s="46"/>
      <c r="H34" s="80"/>
      <c r="I34" s="81"/>
      <c r="J34" s="82"/>
      <c r="K34" s="219"/>
    </row>
    <row r="35" spans="1:11" s="32" customFormat="1" ht="24.95" customHeight="1" thickBot="1" x14ac:dyDescent="0.3">
      <c r="A35" s="36"/>
      <c r="B35" s="37"/>
      <c r="C35" s="38"/>
      <c r="D35" s="83"/>
      <c r="E35" s="47"/>
      <c r="F35" s="84"/>
      <c r="G35" s="47"/>
      <c r="H35" s="85"/>
      <c r="I35" s="86"/>
      <c r="J35" s="87"/>
      <c r="K35" s="220"/>
    </row>
    <row r="36" spans="1:11" s="32" customFormat="1" ht="12" customHeight="1" x14ac:dyDescent="0.25">
      <c r="A36" s="39"/>
      <c r="B36" s="40"/>
      <c r="C36" s="40"/>
      <c r="D36" s="39"/>
      <c r="E36" s="39"/>
      <c r="F36" s="39"/>
      <c r="G36" s="39"/>
      <c r="H36" s="41"/>
      <c r="I36" s="42"/>
      <c r="J36" s="41"/>
    </row>
    <row r="37" spans="1:11" s="28" customFormat="1" ht="30" customHeight="1" thickBot="1" x14ac:dyDescent="0.3">
      <c r="A37" s="233" t="s">
        <v>57</v>
      </c>
      <c r="B37" s="233"/>
      <c r="C37" s="233"/>
      <c r="D37" s="233"/>
      <c r="E37" s="233"/>
      <c r="F37" s="233"/>
      <c r="G37" s="233"/>
      <c r="H37" s="233"/>
      <c r="I37" s="233"/>
      <c r="J37" s="233"/>
    </row>
    <row r="38" spans="1:11" s="44" customFormat="1" ht="27" customHeight="1" x14ac:dyDescent="0.25">
      <c r="A38" s="223" t="s">
        <v>19</v>
      </c>
      <c r="B38" s="225" t="s">
        <v>32</v>
      </c>
      <c r="C38" s="227" t="s">
        <v>33</v>
      </c>
      <c r="D38" s="229" t="s">
        <v>28</v>
      </c>
      <c r="E38" s="213" t="s">
        <v>34</v>
      </c>
      <c r="F38" s="231" t="s">
        <v>35</v>
      </c>
      <c r="G38" s="213" t="s">
        <v>36</v>
      </c>
      <c r="H38" s="215" t="s">
        <v>45</v>
      </c>
      <c r="I38" s="215"/>
      <c r="J38" s="215"/>
      <c r="K38" s="216" t="s">
        <v>171</v>
      </c>
    </row>
    <row r="39" spans="1:11" s="44" customFormat="1" ht="48.75" customHeight="1" x14ac:dyDescent="0.25">
      <c r="A39" s="224"/>
      <c r="B39" s="226"/>
      <c r="C39" s="228"/>
      <c r="D39" s="230"/>
      <c r="E39" s="214"/>
      <c r="F39" s="232"/>
      <c r="G39" s="214"/>
      <c r="H39" s="60" t="s">
        <v>25</v>
      </c>
      <c r="I39" s="61" t="s">
        <v>46</v>
      </c>
      <c r="J39" s="62" t="s">
        <v>26</v>
      </c>
      <c r="K39" s="217"/>
    </row>
    <row r="40" spans="1:11" s="99" customFormat="1" ht="12" customHeight="1" x14ac:dyDescent="0.25">
      <c r="A40" s="90" t="s">
        <v>12</v>
      </c>
      <c r="B40" s="91" t="s">
        <v>13</v>
      </c>
      <c r="C40" s="91" t="s">
        <v>14</v>
      </c>
      <c r="D40" s="92" t="s">
        <v>15</v>
      </c>
      <c r="E40" s="93" t="s">
        <v>20</v>
      </c>
      <c r="F40" s="92" t="s">
        <v>21</v>
      </c>
      <c r="G40" s="94" t="s">
        <v>22</v>
      </c>
      <c r="H40" s="95" t="s">
        <v>23</v>
      </c>
      <c r="I40" s="96" t="s">
        <v>24</v>
      </c>
      <c r="J40" s="97" t="s">
        <v>29</v>
      </c>
      <c r="K40" s="98" t="s">
        <v>30</v>
      </c>
    </row>
    <row r="41" spans="1:11" s="32" customFormat="1" ht="24.95" customHeight="1" x14ac:dyDescent="0.25">
      <c r="A41" s="29"/>
      <c r="B41" s="30"/>
      <c r="C41" s="31"/>
      <c r="D41" s="73"/>
      <c r="E41" s="45"/>
      <c r="F41" s="74"/>
      <c r="G41" s="45"/>
      <c r="H41" s="75"/>
      <c r="I41" s="76"/>
      <c r="J41" s="77"/>
      <c r="K41" s="218">
        <v>2</v>
      </c>
    </row>
    <row r="42" spans="1:11" s="32" customFormat="1" ht="24.95" customHeight="1" x14ac:dyDescent="0.25">
      <c r="A42" s="33"/>
      <c r="B42" s="34"/>
      <c r="C42" s="35"/>
      <c r="D42" s="78"/>
      <c r="E42" s="46"/>
      <c r="F42" s="79"/>
      <c r="G42" s="46"/>
      <c r="H42" s="80"/>
      <c r="I42" s="81"/>
      <c r="J42" s="82"/>
      <c r="K42" s="219"/>
    </row>
    <row r="43" spans="1:11" s="32" customFormat="1" ht="24.95" customHeight="1" thickBot="1" x14ac:dyDescent="0.3">
      <c r="A43" s="36"/>
      <c r="B43" s="37"/>
      <c r="C43" s="38"/>
      <c r="D43" s="83"/>
      <c r="E43" s="47"/>
      <c r="F43" s="84"/>
      <c r="G43" s="47"/>
      <c r="H43" s="85"/>
      <c r="I43" s="86"/>
      <c r="J43" s="87"/>
      <c r="K43" s="220"/>
    </row>
    <row r="44" spans="1:11" s="32" customFormat="1" ht="12" customHeight="1" x14ac:dyDescent="0.25">
      <c r="A44" s="39"/>
      <c r="B44" s="40"/>
      <c r="C44" s="40"/>
      <c r="D44" s="39"/>
      <c r="E44" s="39"/>
      <c r="F44" s="39"/>
      <c r="G44" s="39"/>
      <c r="H44" s="41"/>
      <c r="I44" s="42"/>
      <c r="J44" s="41"/>
    </row>
    <row r="45" spans="1:11" s="28" customFormat="1" ht="30" customHeight="1" thickBot="1" x14ac:dyDescent="0.3">
      <c r="A45" s="233" t="s">
        <v>58</v>
      </c>
      <c r="B45" s="233"/>
      <c r="C45" s="233"/>
      <c r="D45" s="233"/>
      <c r="E45" s="233"/>
      <c r="F45" s="233"/>
      <c r="G45" s="233"/>
      <c r="H45" s="233"/>
      <c r="I45" s="233"/>
      <c r="J45" s="233"/>
    </row>
    <row r="46" spans="1:11" s="44" customFormat="1" ht="27" customHeight="1" x14ac:dyDescent="0.25">
      <c r="A46" s="223" t="s">
        <v>19</v>
      </c>
      <c r="B46" s="225" t="s">
        <v>32</v>
      </c>
      <c r="C46" s="227" t="s">
        <v>33</v>
      </c>
      <c r="D46" s="229" t="s">
        <v>28</v>
      </c>
      <c r="E46" s="213" t="s">
        <v>34</v>
      </c>
      <c r="F46" s="231" t="s">
        <v>35</v>
      </c>
      <c r="G46" s="213" t="s">
        <v>36</v>
      </c>
      <c r="H46" s="215" t="s">
        <v>45</v>
      </c>
      <c r="I46" s="215"/>
      <c r="J46" s="215"/>
      <c r="K46" s="216" t="s">
        <v>171</v>
      </c>
    </row>
    <row r="47" spans="1:11" s="44" customFormat="1" ht="48.75" customHeight="1" x14ac:dyDescent="0.25">
      <c r="A47" s="224"/>
      <c r="B47" s="226"/>
      <c r="C47" s="228"/>
      <c r="D47" s="230"/>
      <c r="E47" s="214"/>
      <c r="F47" s="232"/>
      <c r="G47" s="214"/>
      <c r="H47" s="60" t="s">
        <v>25</v>
      </c>
      <c r="I47" s="61" t="s">
        <v>46</v>
      </c>
      <c r="J47" s="62" t="s">
        <v>26</v>
      </c>
      <c r="K47" s="217"/>
    </row>
    <row r="48" spans="1:11" s="99" customFormat="1" ht="12" customHeight="1" x14ac:dyDescent="0.25">
      <c r="A48" s="90" t="s">
        <v>12</v>
      </c>
      <c r="B48" s="91" t="s">
        <v>13</v>
      </c>
      <c r="C48" s="91" t="s">
        <v>14</v>
      </c>
      <c r="D48" s="92" t="s">
        <v>15</v>
      </c>
      <c r="E48" s="93" t="s">
        <v>20</v>
      </c>
      <c r="F48" s="92" t="s">
        <v>21</v>
      </c>
      <c r="G48" s="94" t="s">
        <v>22</v>
      </c>
      <c r="H48" s="95" t="s">
        <v>23</v>
      </c>
      <c r="I48" s="96" t="s">
        <v>24</v>
      </c>
      <c r="J48" s="97" t="s">
        <v>29</v>
      </c>
      <c r="K48" s="98" t="s">
        <v>30</v>
      </c>
    </row>
    <row r="49" spans="1:11" s="32" customFormat="1" ht="24.95" customHeight="1" x14ac:dyDescent="0.25">
      <c r="A49" s="29"/>
      <c r="B49" s="30"/>
      <c r="C49" s="31"/>
      <c r="D49" s="73"/>
      <c r="E49" s="45"/>
      <c r="F49" s="74"/>
      <c r="G49" s="45"/>
      <c r="H49" s="75"/>
      <c r="I49" s="76"/>
      <c r="J49" s="77"/>
      <c r="K49" s="218">
        <v>6</v>
      </c>
    </row>
    <row r="50" spans="1:11" s="32" customFormat="1" ht="24.95" customHeight="1" x14ac:dyDescent="0.25">
      <c r="A50" s="33"/>
      <c r="B50" s="34"/>
      <c r="C50" s="35"/>
      <c r="D50" s="78"/>
      <c r="E50" s="46"/>
      <c r="F50" s="79"/>
      <c r="G50" s="46"/>
      <c r="H50" s="80"/>
      <c r="I50" s="81"/>
      <c r="J50" s="82"/>
      <c r="K50" s="219"/>
    </row>
    <row r="51" spans="1:11" s="32" customFormat="1" ht="24.95" customHeight="1" thickBot="1" x14ac:dyDescent="0.3">
      <c r="A51" s="36"/>
      <c r="B51" s="37"/>
      <c r="C51" s="38"/>
      <c r="D51" s="83"/>
      <c r="E51" s="47"/>
      <c r="F51" s="84"/>
      <c r="G51" s="47"/>
      <c r="H51" s="85"/>
      <c r="I51" s="86"/>
      <c r="J51" s="87"/>
      <c r="K51" s="220"/>
    </row>
    <row r="52" spans="1:11" s="32" customFormat="1" ht="12" customHeight="1" x14ac:dyDescent="0.25">
      <c r="A52" s="39"/>
      <c r="B52" s="40"/>
      <c r="C52" s="40"/>
      <c r="D52" s="39"/>
      <c r="E52" s="39"/>
      <c r="F52" s="39"/>
      <c r="G52" s="39"/>
      <c r="H52" s="41"/>
      <c r="I52" s="42"/>
      <c r="J52" s="41"/>
    </row>
    <row r="53" spans="1:11" s="32" customFormat="1" ht="24.95" customHeight="1" x14ac:dyDescent="0.25">
      <c r="A53" s="221" t="s">
        <v>44</v>
      </c>
      <c r="B53" s="221"/>
      <c r="C53" s="221"/>
      <c r="D53" s="221"/>
      <c r="E53" s="221"/>
      <c r="F53" s="221"/>
      <c r="G53" s="221"/>
      <c r="H53" s="221"/>
      <c r="I53" s="221"/>
      <c r="J53" s="221"/>
    </row>
    <row r="55" spans="1:11" s="15" customFormat="1" ht="15" customHeight="1" x14ac:dyDescent="0.25">
      <c r="A55" s="15" t="s">
        <v>7</v>
      </c>
      <c r="B55" s="222"/>
      <c r="C55" s="222"/>
    </row>
    <row r="56" spans="1:11" s="15" customFormat="1" ht="15" customHeight="1" x14ac:dyDescent="0.25">
      <c r="A56" s="15" t="s">
        <v>8</v>
      </c>
      <c r="B56" s="210"/>
      <c r="C56" s="210"/>
    </row>
    <row r="57" spans="1:11" s="15" customFormat="1" x14ac:dyDescent="0.25">
      <c r="G57" s="51" t="s">
        <v>37</v>
      </c>
      <c r="H57" s="48"/>
      <c r="I57" s="49"/>
    </row>
    <row r="58" spans="1:11" s="15" customFormat="1" ht="15" customHeight="1" x14ac:dyDescent="0.25">
      <c r="G58" s="51" t="s">
        <v>38</v>
      </c>
      <c r="H58" s="162"/>
      <c r="I58" s="162"/>
    </row>
    <row r="59" spans="1:11" s="15" customFormat="1" ht="16.5" customHeight="1" x14ac:dyDescent="0.25">
      <c r="G59" s="21"/>
    </row>
    <row r="60" spans="1:11" s="17" customFormat="1" x14ac:dyDescent="0.25">
      <c r="A60" s="211" t="s">
        <v>9</v>
      </c>
      <c r="B60" s="211"/>
      <c r="E60" s="15"/>
    </row>
    <row r="61" spans="1:11" s="19" customFormat="1" ht="15" customHeight="1" x14ac:dyDescent="0.25">
      <c r="A61" s="18"/>
      <c r="B61" s="212" t="s">
        <v>59</v>
      </c>
      <c r="C61" s="212"/>
      <c r="D61" s="20"/>
      <c r="E61" s="15"/>
    </row>
    <row r="62" spans="1:11" ht="41.25" customHeight="1" x14ac:dyDescent="0.25"/>
  </sheetData>
  <mergeCells count="76">
    <mergeCell ref="A13:J13"/>
    <mergeCell ref="A1:B1"/>
    <mergeCell ref="A2:K2"/>
    <mergeCell ref="A3:E3"/>
    <mergeCell ref="A4:J4"/>
    <mergeCell ref="A5:J5"/>
    <mergeCell ref="A6:A7"/>
    <mergeCell ref="B6:B7"/>
    <mergeCell ref="C6:C7"/>
    <mergeCell ref="D6:D7"/>
    <mergeCell ref="E6:E7"/>
    <mergeCell ref="F6:F7"/>
    <mergeCell ref="G6:G7"/>
    <mergeCell ref="H6:J6"/>
    <mergeCell ref="K6:K7"/>
    <mergeCell ref="K9:K11"/>
    <mergeCell ref="G14:G15"/>
    <mergeCell ref="H14:J14"/>
    <mergeCell ref="K14:K15"/>
    <mergeCell ref="K17:K19"/>
    <mergeCell ref="A21:J21"/>
    <mergeCell ref="A14:A15"/>
    <mergeCell ref="B14:B15"/>
    <mergeCell ref="C14:C15"/>
    <mergeCell ref="D14:D15"/>
    <mergeCell ref="E14:E15"/>
    <mergeCell ref="F14:F15"/>
    <mergeCell ref="F30:F31"/>
    <mergeCell ref="F22:F23"/>
    <mergeCell ref="G22:G23"/>
    <mergeCell ref="H22:J22"/>
    <mergeCell ref="K22:K23"/>
    <mergeCell ref="K25:K27"/>
    <mergeCell ref="A29:J29"/>
    <mergeCell ref="A22:A23"/>
    <mergeCell ref="B22:B23"/>
    <mergeCell ref="C22:C23"/>
    <mergeCell ref="D22:D23"/>
    <mergeCell ref="E22:E23"/>
    <mergeCell ref="A45:J45"/>
    <mergeCell ref="G30:G31"/>
    <mergeCell ref="H30:J30"/>
    <mergeCell ref="K30:K31"/>
    <mergeCell ref="K33:K35"/>
    <mergeCell ref="A37:J37"/>
    <mergeCell ref="A38:A39"/>
    <mergeCell ref="B38:B39"/>
    <mergeCell ref="C38:C39"/>
    <mergeCell ref="D38:D39"/>
    <mergeCell ref="E38:E39"/>
    <mergeCell ref="A30:A31"/>
    <mergeCell ref="B30:B31"/>
    <mergeCell ref="C30:C31"/>
    <mergeCell ref="D30:D31"/>
    <mergeCell ref="E30:E31"/>
    <mergeCell ref="F38:F39"/>
    <mergeCell ref="G38:G39"/>
    <mergeCell ref="H38:J38"/>
    <mergeCell ref="K38:K39"/>
    <mergeCell ref="K41:K43"/>
    <mergeCell ref="K46:K47"/>
    <mergeCell ref="K49:K51"/>
    <mergeCell ref="A53:J53"/>
    <mergeCell ref="B55:C55"/>
    <mergeCell ref="A46:A47"/>
    <mergeCell ref="B46:B47"/>
    <mergeCell ref="C46:C47"/>
    <mergeCell ref="D46:D47"/>
    <mergeCell ref="E46:E47"/>
    <mergeCell ref="F46:F47"/>
    <mergeCell ref="B56:C56"/>
    <mergeCell ref="H58:I58"/>
    <mergeCell ref="A60:B60"/>
    <mergeCell ref="B61:C61"/>
    <mergeCell ref="G46:G47"/>
    <mergeCell ref="H46:J46"/>
  </mergeCells>
  <conditionalFormatting sqref="B55:C56">
    <cfRule type="containsBlanks" dxfId="3" priority="2">
      <formula>LEN(TRIM(B55))=0</formula>
    </cfRule>
  </conditionalFormatting>
  <conditionalFormatting sqref="H58:I58">
    <cfRule type="containsBlanks" dxfId="2" priority="1">
      <formula>LEN(TRIM(H5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5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9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="90" zoomScaleNormal="90" workbookViewId="0">
      <selection activeCell="N10" sqref="N10"/>
    </sheetView>
  </sheetViews>
  <sheetFormatPr defaultRowHeight="12" x14ac:dyDescent="0.2"/>
  <cols>
    <col min="1" max="1" width="5.28515625" style="125" customWidth="1"/>
    <col min="2" max="4" width="22.7109375" style="125" customWidth="1"/>
    <col min="5" max="5" width="14.28515625" style="125" customWidth="1"/>
    <col min="6" max="6" width="22.7109375" style="125" customWidth="1"/>
    <col min="7" max="16384" width="9.140625" style="125"/>
  </cols>
  <sheetData>
    <row r="1" spans="1:13" ht="12.75" x14ac:dyDescent="0.25">
      <c r="A1" s="243" t="s">
        <v>10</v>
      </c>
      <c r="B1" s="245"/>
      <c r="C1" s="124"/>
      <c r="D1" s="124"/>
      <c r="E1" s="124"/>
      <c r="F1" s="124"/>
    </row>
    <row r="2" spans="1:13" ht="15" customHeight="1" x14ac:dyDescent="0.2">
      <c r="A2" s="235" t="s">
        <v>52</v>
      </c>
      <c r="B2" s="235"/>
      <c r="C2" s="235"/>
      <c r="D2" s="235"/>
      <c r="E2" s="235"/>
      <c r="F2" s="235"/>
      <c r="G2" s="235"/>
      <c r="H2" s="235"/>
      <c r="I2" s="235"/>
      <c r="J2" s="235"/>
      <c r="K2" s="235"/>
      <c r="L2" s="235"/>
    </row>
    <row r="3" spans="1:13" ht="24.95" customHeight="1" x14ac:dyDescent="0.2">
      <c r="A3" s="246"/>
      <c r="B3" s="246"/>
      <c r="C3" s="246"/>
      <c r="D3" s="246"/>
      <c r="E3" s="246"/>
      <c r="F3" s="246"/>
    </row>
    <row r="4" spans="1:13" ht="18.75" x14ac:dyDescent="0.3">
      <c r="A4" s="247" t="s">
        <v>159</v>
      </c>
      <c r="B4" s="247"/>
      <c r="C4" s="247"/>
      <c r="D4" s="247"/>
      <c r="E4" s="247"/>
      <c r="F4" s="247"/>
      <c r="G4" s="126"/>
      <c r="H4" s="126"/>
      <c r="I4" s="126"/>
      <c r="J4" s="126"/>
      <c r="K4" s="126"/>
      <c r="L4" s="126"/>
      <c r="M4" s="126"/>
    </row>
    <row r="5" spans="1:13" x14ac:dyDescent="0.2">
      <c r="A5" s="127"/>
      <c r="B5" s="127"/>
      <c r="C5" s="127"/>
      <c r="D5" s="127"/>
      <c r="E5" s="127"/>
      <c r="F5" s="127"/>
    </row>
    <row r="6" spans="1:13" s="129" customFormat="1" ht="39" customHeight="1" x14ac:dyDescent="0.25">
      <c r="A6" s="242" t="s">
        <v>160</v>
      </c>
      <c r="B6" s="242"/>
      <c r="C6" s="242"/>
      <c r="D6" s="242"/>
      <c r="E6" s="242"/>
      <c r="F6" s="242"/>
      <c r="G6" s="128"/>
      <c r="H6" s="128"/>
      <c r="I6" s="128"/>
      <c r="J6" s="128"/>
      <c r="K6" s="128"/>
      <c r="L6" s="128"/>
      <c r="M6" s="128"/>
    </row>
    <row r="7" spans="1:13" s="129" customFormat="1" ht="20.100000000000001" customHeight="1" x14ac:dyDescent="0.25">
      <c r="A7" s="130" t="s">
        <v>12</v>
      </c>
      <c r="B7" s="242" t="s">
        <v>161</v>
      </c>
      <c r="C7" s="242"/>
      <c r="D7" s="242"/>
      <c r="E7" s="242"/>
      <c r="F7" s="242"/>
      <c r="G7" s="131"/>
      <c r="H7" s="131"/>
      <c r="I7" s="131"/>
      <c r="J7" s="131"/>
      <c r="K7" s="131"/>
      <c r="L7" s="131"/>
      <c r="M7" s="131"/>
    </row>
    <row r="8" spans="1:13" s="129" customFormat="1" ht="20.100000000000001" customHeight="1" x14ac:dyDescent="0.25">
      <c r="A8" s="130" t="s">
        <v>13</v>
      </c>
      <c r="B8" s="242" t="s">
        <v>162</v>
      </c>
      <c r="C8" s="242"/>
      <c r="D8" s="242"/>
      <c r="E8" s="242"/>
      <c r="F8" s="242"/>
      <c r="G8" s="131"/>
      <c r="H8" s="131"/>
      <c r="I8" s="131"/>
      <c r="J8" s="131"/>
      <c r="K8" s="131"/>
      <c r="L8" s="131"/>
      <c r="M8" s="131"/>
    </row>
    <row r="9" spans="1:13" s="129" customFormat="1" ht="20.100000000000001" customHeight="1" x14ac:dyDescent="0.25">
      <c r="A9" s="130" t="s">
        <v>14</v>
      </c>
      <c r="B9" s="242" t="s">
        <v>163</v>
      </c>
      <c r="C9" s="242"/>
      <c r="D9" s="242"/>
      <c r="E9" s="242"/>
      <c r="F9" s="242"/>
      <c r="G9" s="131"/>
      <c r="H9" s="131"/>
      <c r="I9" s="131"/>
      <c r="J9" s="131"/>
      <c r="K9" s="131"/>
      <c r="L9" s="131"/>
      <c r="M9" s="131"/>
    </row>
    <row r="10" spans="1:13" s="129" customFormat="1" ht="20.100000000000001" customHeight="1" x14ac:dyDescent="0.25">
      <c r="A10" s="130" t="s">
        <v>15</v>
      </c>
      <c r="B10" s="242" t="s">
        <v>164</v>
      </c>
      <c r="C10" s="242"/>
      <c r="D10" s="242"/>
      <c r="E10" s="242"/>
      <c r="F10" s="242"/>
      <c r="G10" s="131"/>
      <c r="H10" s="131"/>
      <c r="I10" s="131"/>
      <c r="J10" s="131"/>
      <c r="K10" s="131"/>
      <c r="L10" s="131"/>
      <c r="M10" s="131"/>
    </row>
    <row r="11" spans="1:13" ht="15" customHeight="1" thickBot="1" x14ac:dyDescent="0.3">
      <c r="A11" s="243"/>
      <c r="B11" s="243"/>
      <c r="C11" s="243"/>
      <c r="D11" s="243"/>
      <c r="E11" s="243"/>
      <c r="F11" s="243"/>
    </row>
    <row r="12" spans="1:13" ht="99.75" x14ac:dyDescent="0.2">
      <c r="A12" s="132" t="s">
        <v>165</v>
      </c>
      <c r="B12" s="133" t="s">
        <v>166</v>
      </c>
      <c r="C12" s="133" t="s">
        <v>167</v>
      </c>
      <c r="D12" s="133" t="s">
        <v>168</v>
      </c>
      <c r="E12" s="134" t="s">
        <v>169</v>
      </c>
      <c r="F12" s="135" t="s">
        <v>170</v>
      </c>
    </row>
    <row r="13" spans="1:13" ht="9" customHeight="1" x14ac:dyDescent="0.2">
      <c r="A13" s="136" t="s">
        <v>12</v>
      </c>
      <c r="B13" s="137" t="s">
        <v>13</v>
      </c>
      <c r="C13" s="137" t="s">
        <v>14</v>
      </c>
      <c r="D13" s="137" t="s">
        <v>15</v>
      </c>
      <c r="E13" s="137" t="s">
        <v>20</v>
      </c>
      <c r="F13" s="138" t="s">
        <v>21</v>
      </c>
    </row>
    <row r="14" spans="1:13" s="144" customFormat="1" ht="15" customHeight="1" x14ac:dyDescent="0.25">
      <c r="A14" s="139"/>
      <c r="B14" s="140"/>
      <c r="C14" s="141"/>
      <c r="D14" s="140"/>
      <c r="E14" s="142"/>
      <c r="F14" s="143"/>
    </row>
    <row r="15" spans="1:13" s="144" customFormat="1" ht="15" customHeight="1" x14ac:dyDescent="0.25">
      <c r="A15" s="139"/>
      <c r="B15" s="140"/>
      <c r="C15" s="141"/>
      <c r="D15" s="140"/>
      <c r="E15" s="142"/>
      <c r="F15" s="143"/>
    </row>
    <row r="16" spans="1:13" s="144" customFormat="1" ht="15" customHeight="1" x14ac:dyDescent="0.25">
      <c r="A16" s="139"/>
      <c r="B16" s="140"/>
      <c r="C16" s="141"/>
      <c r="D16" s="140"/>
      <c r="E16" s="142"/>
      <c r="F16" s="143"/>
    </row>
    <row r="17" spans="1:7" s="144" customFormat="1" ht="15" customHeight="1" x14ac:dyDescent="0.25">
      <c r="A17" s="139"/>
      <c r="B17" s="140"/>
      <c r="C17" s="141"/>
      <c r="D17" s="140"/>
      <c r="E17" s="142"/>
      <c r="F17" s="143"/>
    </row>
    <row r="18" spans="1:7" s="144" customFormat="1" ht="15" customHeight="1" x14ac:dyDescent="0.25">
      <c r="A18" s="145"/>
      <c r="B18" s="146"/>
      <c r="C18" s="147"/>
      <c r="D18" s="146"/>
      <c r="E18" s="148"/>
      <c r="F18" s="149"/>
    </row>
    <row r="19" spans="1:7" s="144" customFormat="1" ht="15" customHeight="1" thickBot="1" x14ac:dyDescent="0.3">
      <c r="A19" s="150"/>
      <c r="B19" s="151"/>
      <c r="C19" s="152"/>
      <c r="D19" s="151"/>
      <c r="E19" s="153"/>
      <c r="F19" s="154"/>
    </row>
    <row r="20" spans="1:7" s="144" customFormat="1" ht="30" customHeight="1" x14ac:dyDescent="0.25">
      <c r="A20" s="244"/>
      <c r="B20" s="244"/>
      <c r="C20" s="244"/>
      <c r="D20" s="244"/>
      <c r="E20" s="244"/>
      <c r="F20" s="244"/>
    </row>
    <row r="21" spans="1:7" ht="15" customHeight="1" x14ac:dyDescent="0.25">
      <c r="A21" s="155"/>
      <c r="B21" s="155"/>
      <c r="C21" s="155"/>
      <c r="D21" s="155"/>
      <c r="E21" s="155"/>
      <c r="F21" s="155"/>
    </row>
    <row r="22" spans="1:7" s="15" customFormat="1" ht="15" customHeight="1" x14ac:dyDescent="0.25">
      <c r="A22" s="15" t="s">
        <v>7</v>
      </c>
      <c r="B22" s="222"/>
      <c r="C22" s="222"/>
    </row>
    <row r="23" spans="1:7" s="15" customFormat="1" ht="15" customHeight="1" x14ac:dyDescent="0.25">
      <c r="A23" s="15" t="s">
        <v>8</v>
      </c>
      <c r="B23" s="222"/>
      <c r="C23" s="222"/>
    </row>
    <row r="24" spans="1:7" s="15" customFormat="1" ht="15" x14ac:dyDescent="0.25"/>
    <row r="25" spans="1:7" s="15" customFormat="1" ht="15" customHeight="1" x14ac:dyDescent="0.25">
      <c r="C25" s="49"/>
      <c r="D25" s="51" t="s">
        <v>37</v>
      </c>
      <c r="E25" s="48"/>
      <c r="F25" s="49"/>
    </row>
    <row r="26" spans="1:7" ht="15" customHeight="1" x14ac:dyDescent="0.2">
      <c r="C26" s="16"/>
      <c r="D26" s="51" t="s">
        <v>38</v>
      </c>
      <c r="E26" s="162"/>
      <c r="F26" s="162"/>
    </row>
    <row r="27" spans="1:7" s="156" customFormat="1" x14ac:dyDescent="0.2">
      <c r="A27" s="239" t="s">
        <v>9</v>
      </c>
      <c r="B27" s="239"/>
    </row>
    <row r="28" spans="1:7" s="159" customFormat="1" ht="12" customHeight="1" x14ac:dyDescent="0.2">
      <c r="A28" s="157"/>
      <c r="B28" s="240" t="s">
        <v>11</v>
      </c>
      <c r="C28" s="241"/>
      <c r="D28" s="241"/>
      <c r="E28" s="241"/>
      <c r="F28" s="241"/>
      <c r="G28" s="158"/>
    </row>
  </sheetData>
  <mergeCells count="16">
    <mergeCell ref="B7:F7"/>
    <mergeCell ref="A1:B1"/>
    <mergeCell ref="A2:L2"/>
    <mergeCell ref="A3:F3"/>
    <mergeCell ref="A4:F4"/>
    <mergeCell ref="A6:F6"/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a Kapáková</dc:creator>
  <cp:lastModifiedBy>Verejné Obstarávanie</cp:lastModifiedBy>
  <cp:lastPrinted>2021-10-21T06:56:34Z</cp:lastPrinted>
  <dcterms:created xsi:type="dcterms:W3CDTF">2014-08-04T05:30:35Z</dcterms:created>
  <dcterms:modified xsi:type="dcterms:W3CDTF">2021-11-22T14:56:33Z</dcterms:modified>
</cp:coreProperties>
</file>